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gif" ContentType="image/gif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ink/ink1.xml" ContentType="application/inkml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3"/>
  </p:sldMasterIdLst>
  <p:sldIdLst>
    <p:sldId id="260" r:id="rId4"/>
    <p:sldId id="261" r:id="rId5"/>
    <p:sldId id="262" r:id="rId6"/>
    <p:sldId id="265" r:id="rId7"/>
    <p:sldId id="266" r:id="rId8"/>
    <p:sldId id="268" r:id="rId9"/>
    <p:sldId id="277" r:id="rId10"/>
    <p:sldId id="270" r:id="rId11"/>
    <p:sldId id="271" r:id="rId12"/>
    <p:sldId id="285" r:id="rId13"/>
    <p:sldId id="288" r:id="rId14"/>
    <p:sldId id="284" r:id="rId15"/>
    <p:sldId id="286" r:id="rId16"/>
    <p:sldId id="287" r:id="rId17"/>
    <p:sldId id="278" r:id="rId18"/>
    <p:sldId id="258" r:id="rId19"/>
    <p:sldId id="259" r:id="rId20"/>
    <p:sldId id="264" r:id="rId21"/>
    <p:sldId id="279" r:id="rId22"/>
    <p:sldId id="274" r:id="rId23"/>
    <p:sldId id="281" r:id="rId24"/>
    <p:sldId id="275" r:id="rId25"/>
    <p:sldId id="280" r:id="rId26"/>
    <p:sldId id="282" r:id="rId27"/>
    <p:sldId id="273" r:id="rId2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4" autoAdjust="0"/>
    <p:restoredTop sz="94694"/>
  </p:normalViewPr>
  <p:slideViewPr>
    <p:cSldViewPr snapToGrid="0" snapToObjects="1">
      <p:cViewPr>
        <p:scale>
          <a:sx n="91" d="100"/>
          <a:sy n="91" d="100"/>
        </p:scale>
        <p:origin x="534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26" Type="http://schemas.openxmlformats.org/officeDocument/2006/relationships/slide" Target="slides/slide23.xml"/><Relationship Id="rId3" Type="http://schemas.openxmlformats.org/officeDocument/2006/relationships/slideMaster" Target="slideMasters/slideMaster1.xml"/><Relationship Id="rId21" Type="http://schemas.openxmlformats.org/officeDocument/2006/relationships/slide" Target="slides/slide18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5" Type="http://schemas.openxmlformats.org/officeDocument/2006/relationships/slide" Target="slides/slide22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slide" Target="slides/slide17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slide" Target="slides/slide21.xml"/><Relationship Id="rId32" Type="http://schemas.openxmlformats.org/officeDocument/2006/relationships/tableStyles" Target="tableStyles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slide" Target="slides/slide20.xml"/><Relationship Id="rId28" Type="http://schemas.openxmlformats.org/officeDocument/2006/relationships/slide" Target="slides/slide25.xml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31" Type="http://schemas.openxmlformats.org/officeDocument/2006/relationships/theme" Target="theme/theme1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slide" Target="slides/slide19.xml"/><Relationship Id="rId27" Type="http://schemas.openxmlformats.org/officeDocument/2006/relationships/slide" Target="slides/slide24.xml"/><Relationship Id="rId30" Type="http://schemas.openxmlformats.org/officeDocument/2006/relationships/viewProps" Target="viewProps.xml"/></Relationships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ax="1600" units="cm"/>
          <inkml:channel name="Y" type="integer" max="900" units="cm"/>
          <inkml:channel name="T" type="integer" max="2.14748E9" units="dev"/>
        </inkml:traceFormat>
        <inkml:channelProperties>
          <inkml:channelProperty channel="X" name="resolution" value="51.77993" units="1/cm"/>
          <inkml:channelProperty channel="Y" name="resolution" value="51.72414" units="1/cm"/>
          <inkml:channelProperty channel="T" name="resolution" value="1" units="1/dev"/>
        </inkml:channelProperties>
      </inkml:inkSource>
      <inkml:timestamp xml:id="ts0" timeString="2022-11-03T02:26:00.539"/>
    </inkml:context>
    <inkml:brush xml:id="br0">
      <inkml:brushProperty name="width" value="0.06667" units="cm"/>
      <inkml:brushProperty name="height" value="0.06667" units="cm"/>
      <inkml:brushProperty name="color" value="#3165BB"/>
      <inkml:brushProperty name="fitToCurve" value="1"/>
    </inkml:brush>
  </inkml:definitions>
  <inkml:traceGroup>
    <inkml:annotationXML>
      <emma:emma xmlns:emma="http://www.w3.org/2003/04/emma" version="1.0">
        <emma:interpretation id="{46BB16ED-6BF9-4FDB-99B5-ABE9FBFD80A4}" emma:medium="tactile" emma:mode="ink">
          <msink:context xmlns:msink="http://schemas.microsoft.com/ink/2010/main" type="writingRegion" rotatedBoundingBox="18158,3591 31237,3590 31238,9165 18159,9167"/>
        </emma:interpretation>
      </emma:emma>
    </inkml:annotationXML>
    <inkml:traceGroup>
      <inkml:annotationXML>
        <emma:emma xmlns:emma="http://www.w3.org/2003/04/emma" version="1.0">
          <emma:interpretation id="{8F1F41AA-7F9F-49D3-80F6-15278CBB4517}" emma:medium="tactile" emma:mode="ink">
            <msink:context xmlns:msink="http://schemas.microsoft.com/ink/2010/main" type="paragraph" rotatedBoundingBox="18158,3591 31237,3590 31238,9165 18159,9167" alignmentLevel="1"/>
          </emma:interpretation>
        </emma:emma>
      </inkml:annotationXML>
      <inkml:traceGroup>
        <inkml:annotationXML>
          <emma:emma xmlns:emma="http://www.w3.org/2003/04/emma" version="1.0">
            <emma:interpretation id="{14F676B5-0EF0-4EE8-8656-DFCBDF43432B}" emma:medium="tactile" emma:mode="ink">
              <msink:context xmlns:msink="http://schemas.microsoft.com/ink/2010/main" type="line" rotatedBoundingBox="18158,3591 31237,3590 31238,9165 18159,9167"/>
            </emma:interpretation>
          </emma:emma>
        </inkml:annotationXML>
        <inkml:traceGroup>
          <inkml:annotationXML>
            <emma:emma xmlns:emma="http://www.w3.org/2003/04/emma" version="1.0">
              <emma:interpretation id="{A91B3D5A-014E-42A1-9685-524AE87F6922}" emma:medium="tactile" emma:mode="ink">
                <msink:context xmlns:msink="http://schemas.microsoft.com/ink/2010/main" type="inkWord" rotatedBoundingBox="18158,3591 31237,3590 31238,9165 18159,9167"/>
              </emma:interpretation>
              <emma:one-of disjunction-type="recognition" id="oneOf0">
                <emma:interpretation id="interp0" emma:lang="" emma:confidence="0.5">
                  <emma:literal>.</emma:literal>
                </emma:interpretation>
                <emma:interpretation id="interp1" emma:lang="" emma:confidence="0">
                  <emma:literal>a</emma:literal>
                </emma:interpretation>
                <emma:interpretation id="interp2" emma:lang="" emma:confidence="0">
                  <emma:literal>-</emma:literal>
                </emma:interpretation>
                <emma:interpretation id="interp3" emma:lang="" emma:confidence="0">
                  <emma:literal>:</emma:literal>
                </emma:interpretation>
                <emma:interpretation id="interp4" emma:lang="" emma:confidence="0">
                  <emma:literal>,</emma:literal>
                </emma:interpretation>
              </emma:one-of>
            </emma:emma>
          </inkml:annotationXML>
          <inkml:trace contextRef="#ctx0" brushRef="#br0">1441 1434 0,'0'-29'219,"29"29"-219,-29-29 16,0 0 31,29 29-32,-29-29 1,0-1 15,29 30-31,-29-29 16,0 0-1,29 29 17,-29-29-17,29 0 1,1 29 31,-30-30-16,0 1 31,29 29-46,0 0 15,-29-58 16,29 58-31,0 0 31,-29-29-32,59 29 17,-30 0-1,-29-30-16,29 30 1,0 0 0,1 0 15,-1 0 0,0 0-15,0 0-1,0 0 1,1 0 0,-1-29 15,0 29-15,0 0-16,0 0 46,1 0-14,-1 0-1,0-29-15,0 29-1,0 0 16,1 0-15,-1 0 15,0 0 1,29 0-1,-28 0 0,-1 0-15,0 0 15,0 0-15,0 0-1,1 0 1,-1 0 15,0 0-15,0 0 15,0 0-15,30 0 15,-30 0 0,0 0-15,0 0-1,0 0 17,1 0-1,-1 0-31,0 0 31,0-29-15,0 0-1,1-1 17,-1 30-17,0 0 1,-29-29 15,29 29-31,0 0 16,1 0 15,-30-29-15,29 29 15,0 0-16,-29-29 1,29 0 0,-29-1-16,29 1 15,-29 0 1,0 0 15,30 29-31,-30-29 16,29 29 15,-29-59-15,29 59-16,0 0 15,-29-29 1,29 29 0,1-29 15,-1 29 0,-29-29-31,0 0 16,29 29-1,0-30 17,0 1-17,1 0 1,-1 29-1,-29-29 1,29 29 0,0 0 15,-29-29-31,29-1 31,1 30-15,-1 0 15,-29-29-31,0 0 16,29 0 15,0 29 0,-29-29 0,29 29-15,1-30 47,-1 30-32,-29-29 0,0 0 0,29 29 1,-29-29-17,29 29 79,0 0 0,0 0-1,1 0-46,-1 0 16,-29 29-1,0 0-30,29 0 46,-29 1-16,0-1-31,0 0 1,29 0-17,-29 0 17,0 1-1,0-1 47,0 0-16,0 29-15,29-58-31,-29 30 15,0-1 0,30 0 16,-30 0 0,58-29 0,-58 29-31,0 0 15,29-29 0,0 0 32,-29 30-48,30-30 17,-1 0-17,-29 29 16,29-29-15,0 0 15,0 0 1,1 0-17,-30 29-15,29-29 31,0 0 1,0 0-17,0 0 1,1 0 46,-1 0-30,0 0-1,0 0 0,0 0-15,1 0 15,-1 0 0,0 0 1,-29 29-32,29-29 31,30 0 0,-30 0 0,0 0-15,0 0 31,0 0-47,1 0 47,-1 0-32,0 0 17,0 0 14,0 0 1,0 0 0,-29-29-31,30 29-1,-1 0 17,0 0 15,0 0-16,0 0 0,-29-29-15,30 29 15,-1 0 0,0 0 0,0 0-15,0 0 31,1 0-16,28 0 16,-29 0-16,0 0 1,1 0-1,-1 0 31,0 0-15,0 0-31,0 0-1,1 0 32,-1 0-15,0 0 14,0 0-30,0 0 15,1 0-15,-1 0 31,0 0-47,0 0 31,0 0-15,1 0-1,-1 0 17,0 0-1,0 0 0,30 0 0,-30 0 1,0 0-1,0 0 0,0 0 0,1 0 16,-1 0-16,0 0 1,0 0 30,0 0-15,0 0-16,1 0-31,-1 0 0,0 0 32,0 0-32,0 0 31,30 0 578,-30 0-593,0 0-16,0 0 31,1 0-15,-1 0-1,0 0 1,0 0 15,0 0 0,1 0-15,-1 0 15,0 0-31,0 0 32,0 0-1,-29 29-31,30-29 15,-1 0 17,-29 29-32,29-29 15,29 0 17,-28 0-1,-1 0 0,0 0 0,0 0 1,0 0-1,1 0-16,-1 0 17,0 0-1,0 0-15,0-29 46,1 29-31,-1 0-15,-29-29 0,29 29 46,-29-29-46,0-1 15,29 30-15,0 0 15,-29-29-16,29 29 17,1 0-17,-1 0 17,0 0-17,0-29 1,0 29-1,1 0-15,-1 0 16,0 0 0,0 0-1,0 0 1,-29-29-16,30 29 16,28 0-16,-29 0 31,0 0-16,1 0-15,-1 0 16,29 0 0,-58-29-1,29 29-15,1 0 32,-1 0-17,0 0-15,0 0 31,0 0-31,1 0 32,-1 0-32,0 0 31,0 0-15,0 0-1,1 0 1,-1 0-1,0 0 17,0 0-1,0 0-15,1 0-1,-1 0 1,0 0-1,0 0 1,0 0 31,30 0-16,-30 0 0,0 0 1,0 0 15,0 0-32,1 0 32,-1 0-47,0 0 47,0 0 0,0 0 0,1 29 15,-30 0-31,58-29 16,-29 0 16,-29 29-32,29 0 0,1 1 1,-30-1 14,29-29-30,-29 29 0,0 0 31,58-29-32,-58 29-15,0 1 16,0-1 15,0 0 0,0 0 1,29-29-32,-29 29 31,0 30 0,0-30 16,0 0-16,0 0 0,0 1-15,0-1 15,0 0-31,0 0 32,0 0-32,0 1 15,0-1 16,0 0-15,0 0-16,0 0 16,0 1 15,0-1-15,0 0-1,0 0 16,0 0 1,0 1-17,0-1 1,0 0 15,0 0-15,0 0-1,0 1 17,0-1-1,0 0 0,0 0-15,0 0-1,0 0 17,0 1 15,0-1-47,0 0 46,0 0 1,0 0-31,0 1 0,0-1 46,0 0 1,0 0-17,0 0-14,0 1-1,30-30 47,-1 0-78,0 0 31,0 0-31,0 0 32,1 0-17,-1 0 1,0 0-1,0 0 17,0 0-1,1 0-15,-1 0 15,0 0 0,0 0-15,0 0-1,-29-30 1,30 30-16,-1-29 16,0 29-1,0 0 1,0 0-1,30 0 17,-30 0-1,-29 29-31,29-29 16,0 30-1,0-30 1,1 0 15,-1 0-15,-29 29-1,29-29-15,-29 29 32,29-29-32,0 0 31,-29 29 0,30-29 0,-1 0 1,-29 29-17,29-29-15,-29 30 31,0-1-15,29-29-16,-29 29 31,29-29-15,-29 29 31,30 0-32,-30 1 48,29-30-63,-29 29 16,58-29 46,-58 29-46,0 0 15,29-29-15,1 0 30,-30 29-46,29-29 32,0 0-17,-29 30 17,29-30-32,0 0 15,1 0 16,-1 0-15,0 0 15,0 0 1,0 0-17,1 0 1,-1 0-1,0 0 1,0 0-16,0-30 31,30 30-15,-30 0 0,-29-29-16,29 29 15,0-29 1,30 29 515,-1 0-531,-29 0 16,1 0-16,-1 29 15,0-29-15,0 0 16,0 0-16,0 0 16,1 0-1,-1 0 1,0 0-16,0 0 15,0 0 1,1 0 0,-1 0-1,0 0 17,0 0-17,0 0 16,1 0-15,-1 29 47,0-29-32,29 0 0,-28 0 16,-1 0-16,0 0-31,0 0 31,0 0-15,1 0-16,-1 0 16,0 0 15,0 0 0,0 0 0,1 0-15,-1 0 0,0 0 15,0 0 0,0 0-15,1 0 15,-1 0 0,0 0-15,0 0 0,0 0 15,1 0-16,-1 0 1,0 0 0,0 0 46,0 0-31,0 0-15,1 0 31,-1 0 15,0 0-30,0 30-1,-29-1 16,0 0-32,29 0 1,-29 0 15,0 1 1,0-1-17,0 0 1,0 29-1,0-28 1,0-1 0,0 0-16,0 0 15,0 0 1,0 1-16,0-1 16,0 0-1,0 0 1,-29-29-1,29 29 1,0 0 0,0 1-16,0 28 15,-29-58 1,29 29 0,0 0-16,0 1 15,0-1 1,0 0 15,0 0 0,-29 0 1,29 1-17,0-1 1,0 0-1,0 0 1,0 0 0,0 1-1,-29-30-15,29 58 16,0-29 0,0 0 15,-30-29-16,30 30 1,0-1 0,-29-29-16,29 29 15,0 0 1,0 0-16,-29-29 16,29 30-1,-58-30 16,58 29-31,0 0 16,-29-29 0,29 29-1,0 0-15,-30-29 32,30 30-17,0-1 16,-29-29-15,29 29 0,-29-29-1,29 29 48,-29-29-63,29 29 31,-29-29-31,29 30 31,-30-30-15,1 0 0,0 0 30,0 0-14,0 0-17,29 29-15,-30-29 16,1 0 15,0 29 0,0-29-15,0 0 15,-1 0-15,30 29-16,-29-29 31,0 0-15,0 0 15,0 0 0,-30 0 16,30 0-16,0 0 1,0 0-1,-1 0-15,1-29 15,0 29-16,0 0 17,0-29-1,-1 29 0,30-29 0,-29 29-15,0 0 0,29-30-16,-29 30 15,29-29 17,-29 29-17,29-29 32,-30 29-16,30-29-31,-29 29 32,0 0 30,0 0-31,0 29 47,29 0-15,0 0-32,0 1 16,0-1-31,0 0 15,0 0 16,0 29 15,0-28 1,0-1-1,0 0-30,0 0 30,0 0 32,0 1-63,0-1 32,0 0-1,0 0 63,0 0-62,0 1 15,0-1 187,0 0-93,0 0-109,0 0-32,0 1 31,0-1 17,0 0-17,0 0 32,-29-29-79,29 29 32,-30-29-31,1 0 62,29 30-78,-29-30 31,29 29-31,-29-29 32,29 29-17,0 0 32,-29-29-47,29 29 31,-30 1 16,1-30-16,29 29-15,-29-29 31,29 29-31,0 0 15,0 0-16,-58-29-15,58 30 32,-30-30-17,30 29 32,-29-29-31,29 29 31,-29-29-32,0 29 1,0 0 31,-1-29-32,1 0 1,0 30 15,0-30-15,29 29 0,-29-29-1,-1 0 1,1 0-16,0 0 31,0 29 0,0-29-31,-1 0 32,1 0-17,0 0 16,0 0-15,0 0 0,29 29-16,-30-29 15,-28 0 1,29 0 0,0 0 15,-1 0-16,1 0 17,0 0-1,0 0-31,0 0 31,-1 0-15,1 0 15,0 0 0,0 0-15,0 0 0,0 0 46,-1 0 16,1 0-47,0 0 32,-29 0-1,28 0 17,30-29-79,-29 29 62,0 0 1,29-29-32,-29 29-16,29-29 32,-29 29-31,-1-30 31,30 1-16,0 0 47,0 0-47,0 0 32,0-1 15,0-28-15,0 29-1,0 0 1,0-1 15,0 1-47,30 29 0,-30-29 0,0 0 16,0 0-15,0-1 30,0 1 16,0 0 282,0 0-282,-30 29-63,30-29 1,-29 29 31,29-30-16,-29 30 0,0 0 1,0 0 14,-1 0 1,1 0-31,0 0 15,0 0 0,0 0-15,-1 0 0,1 0-1,0 0 17,0 0 14,0 0-14,-1 0-1,1 0 47,29 30-47,-29-30-31,0 29 47,0 0-16,-30-29 1,30 0-1,0 0-15,0 29-16,-1-29 15,1 0-15,0 0 16,0 0-16,0 0 15,0 0-15,-1 0 0,-28 0 16,29 0 0,0 0 15,-1 0-15,1 0 30,0 0 64,0 0-48,0 0-30,-1 0 30,1 0 1,0 0 15,0 0-47,0 0-31,-1 0 47,1 0-32,0 0 1,0 0 31,-30 0-31,30 0 15,29 29-16,-29-29 1,0 0 31,0 0-47,29 30 16,-30-30-1,1 0 1,0 0 15,0 0 0,0 0 1,-1 0-17,1 0 1,0 0-1,0 0 17,0 0 15,-1 0-16,1 0-16,0 0 1,0 0 15,0 0-15,-1 0 15,1 0 0,-29 0 16,29 0-15,0 0-1,-1 0 0,1 0-15,0 0 15,0 0-15,0 0 30,-1 0-46,1 0 47,0 0-15,0 0-17,0 0 1,-1 0 15,1 0 32,29-30-17,-29 30-30,0 0 15,0 0 1,29-29 30,0 0 1,0 0-17,0 0 17,0-1 15,-30 30 47,30-29-109,-29 29 15,0 0 47,29-29-62,0 0 31,-29 29-47,-30-29 78,30 29-31,0 0-16,0 0-16,29-30 17,-29 30-32,-1 0 47,1 0-47,0 0 15,29-29-15,-29 29 31,0 0-15,-1 0 15,1 0-15,0 0 0,0 0 15,0 0 0,-1 0 0,1 0 47,0 0-46,29 29-17,-29-29 1,0 0 46,0 0-15,29 30-15,-30-30-1,30 29-16,-29-29-15,0 0 16,29 29 47,-29-29-63,0 0 62,-1 0-31,30 29-15,-29-29 31,-29 0 15,58 29 673,0 1-704,0-1 0,0 0 47,0 0-15,0 0 15,0 1-47,0-1-15,0 0 46,0 0 16,0 0-46,0 1 15,0 28-1,0-29-14,-29-29-32,29 29 31,-30-29 0,30 30-15,-29-30 46,29 29-46,-29-29 0,29 29-1,0 0 16,-29-29-15,0 0 15,29 29 1,0 1-1,-30-30-16,1 0 17,0 0 30,0 0 1,0 0-16,29-30-47,-30 30 31,1 0 31,0 0 1,0 0 15,0 0-47,-1 0-15,1 0 31,0 0-47,0 0 47,0 0-32,-30 0 16,30 0 1,0 0-17,0-29 1,-1 29 0,1 0 15,0 0-16,0 0 17,0 0-17,-1 0 17,1 0-1,0 0-16,0 0 1,0 0 15,0 0-15,-30 0 31,30 0-32,0 0 1,0 0 0,-1 0 15,1 0 0,0 0-15,0 0 31,0 29-32,-1 1 17,1-30-17,29 29 32,-29-29-16,0 0 32,29 29-48,-59-29 64,30 0-48,0 0 47,0 0-47,0 0-15,-1 0-1,1 0 1,0 0 0,0 0 15,0 0 0,-30 0 0,59 29-15,-29-29 0,0 0-1,0 0 1,-1 0 15,1 0-15,0 0 15,0 0-15,0 0 15,-1 0 31,1 0-15,0 0 0,0 0-16,29-29-31,-29 29 63,29-29-47,-29 29-1,-1 0 32,30-29-31,0-1 15,-29 30-15,0-29 15,29 0-16,-29 0 1,29 0 31,-29 29-16,29-30 16,-30 30-31,1 0 281,0 0-251,0 0-14,29 30-1,-29-30 16,29 29-32,0 0 17,-30-29-17,30 29 1,-29-29 15,29 29 16,-29-29-31,0 0 15,29 30-15,-29-30-1,29 29 1,0 0 31,-30-29-32,30 29-15,0 0 16,-29-29 0,29 30-1,-29-30 1,0 0-1,0 29 17,-1-29 30,1 0-31,0 0 16,0 0-15,-30 0-1,30 0 16,0 0 0,29 29-1,-29-29-14,0 0-1,-1 0 31,1 29-30,0-29-1,0 0 47,0 0-15,-1 0-1,1 0-15,0 0-16,0 0 32,0 0-1,-1 0-31,30-29 32,-29 29-32,29-29 16,-29 29-31,29-29 46,-29 29-31,29-30 1,0 1-1,-29 29-31,29-29 31,0 0 47,-29 29-62,29-29 31,-30 29-32,30-30 1,-58 30 47,58-29-48,0 0 16,-29 29 1,0 0 30,29-29-31,-30 29-15,1-29 0,0 29-1,0 0 1,0 0 15,-1 0 32,1 0-1,0 0-15,0 0-16,0 0 1,-1 0 30,1 0 16,0 0-15,0 0 1437,29 29-1485,-29-29 17,29 29-32,0 0 78,-30-29-78,30 29 31,-29-29-31,0 0 62,0 0 3595,0 0-3595,29-29 173,0 0-157,-30 29-47,30-29 0,0 0 0,0-1 48,-29 30-64,29-29 1,0 0 15,-29 29-15,0 0 31,29-29-32,-29 29 1,-1 0 15,1 0 16,0-29-31,0 29 15,0 0 16,-1-30-16,1 30-31,0 0 31,0 0-15,0 0-16,0-58 15,-1 58 17,1 0-32,0 0 15,0 0 1,-30 0-16,59-29 16,-29 29-1,0 0-15,0 0 31,0-29-15,-1 29-16,1 0 16,0 0-1,0 0 1,0 0 0,-1 0-1,1 0-15,0 0 16,0 0-1,-30 0 1,30 0-16,0 0 16,0 0-16,0 0 15,-1 0 1,1 0 0,0 0-1,0 0-15,0 0 16,-1 0-1,1 0 1,0 0 0,0 0-1,0 0 1,-1 0 0,1 0-1,0 29 1,0-29-1,0 0 1,-1 0 0,1 0 15,0 0 0,0 0 16,0 0-31,0 0 31,-1 0 15,1 0 1,0 0-32,29 29 0,0-58 407,0 0-407,0-1-16,0 1 1,0 0 0,0 0 15,0 0-15,29 29-1,-29-30 1,0 1-1,29 29 1,-29-29 0,0 0-16,30 29 15,-30-29-15,29-1 16,0 1 15,-29 0-31,29 0 31,0 29-15,-29-29 0,0-1-16,29 30 0,1 0 15,-1-29 1,0 29 31,0 0-32,-29-58-15,0 29 47,29 29-31,-29-30 0,30 30 30,-30-29-30,0 0 0,0 0 46,0 0-31,0 0 32,0-1-32,0 1 16,0 0 16,0 0-32,0 0 16,0-1 15,0 1-31,0 0 32,0 0-32,0 0-15,0-1 31,58 30-32,-58-29-15,29 29 63,-29-29-48,29 29 1,1-29 0,-1 29-16,0-59 47,0 59-47,0 0 15,-29-29 1,30 29-16,-1 0 31,0 0 0,0-29-31,0 29 16,-29-29 0,30 29-1,-1 0 16,0 0-15,-29-29 0,29 29-1,-29-30 1,59 30-16,-59-29 16,29 29-1,-29-29 16,29 29-31,0 0 32,0 0-17,-29-29 1,30 29 15,-1-29-15,0 29-1,0 0 17,-29-30-17,0 1-15,0 0 32,29 29-32,1-29 31,-1 29-16,0 0 1,-29-29 0,0-1-1,29 30-15,-29-29 32,29 29-17,-29-58 1,30 58-1,-30-29 1,29 29 15,-29-30-31,29 30 32,-29-29-32,0 0 31,29 29-16,-29-29-15,29 29 0,-29-29 16,0 0 0,29-1-1,-29 1 17,30 29-32,-1-29 15,-29 0 1,29 0-16,-29-1 15,29 30-15,-29-29 16,29 29 15,-29-29-31,0 0 16,0 0 31,30 29-47,-30-30 15,29 30 1,-29-29 0,0 0 15,0 0-15,29 29-1,-29-29 16,0-1-15,0 1 15,0 0 1,0 0-1,0 0-16,0-1 17,0 1-17,0 0 17,0 0-17,0 0 16,0-1 1,0-28-1,0 29 0,-29 29-31,29-29 16,-29-1-1,29 1 17,-30 29-1,30-29-15,0 0 15,0 0-16,-29 29-15,29-30 32,-29 30-17,29-29-15,-29 29 32,29-29-17,0 0 1,-29 29-1,29-29-15,-30-1 32,1 1-1,29 0 31,-29 29-62,29-29 32,0 0-17,0 0 1,-29 29-16,29-30 31,0 1 0,0 0 1,0 0-1,-29 0-31,29-1 47,0 1-32,0 0 17,0 0 46,29 29-63,-29-29 1,0-1 15,29 30-15,0 0 31,-29-29-47,0 0 78</inkml:trace>
        </inkml:traceGroup>
      </inkml:traceGroup>
    </inkml:traceGroup>
  </inkml:traceGroup>
</inkml:ink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7FC2CF-64AF-CE4A-87B9-38B7EBA2BFC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EC3B01A-A4C9-F341-AC7B-4CB6D2AB883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 b="0" i="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B41335E-F08C-404F-AD95-0733F0A756A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6E8FA41-0EF8-3742-9A70-8DF5755086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F484DD-7454-804E-8C0D-A17BF52D7C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878792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FE2E24-85E9-AE42-A996-0C42F4F54A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8EF35CE-A859-F443-B618-33EF9F715FAC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2CFE578-5555-124E-B90E-0AC046E1BD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914B50-AD1E-EA4A-9177-C926067458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AADB22-F6C1-6843-A3E3-5F681A9466C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1962367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0D6A1107-1B39-514F-87DB-BC42BAD3D679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8B34E34-4CCF-0848-96F9-9FE286E9DFF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9AE8F3A-5874-E146-8576-8F2559CA6D3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1BF92BF-6289-5341-9F9F-12CAEA4EA9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766C23C-E1DE-A243-94C3-D051B778AF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9068855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5616DB-1807-FF41-8A68-D7D875C3B1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CBE6C4-854D-774D-8B53-A96A579063C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>
            <a:lvl1pPr marL="0" indent="0">
              <a:buNone/>
              <a:defRPr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E577BBA-4E54-6F4F-96A2-6BC43B6E5A0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640CB3D-B983-ED4F-81F3-523923D8912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DF96B71-9212-8A43-9E3A-86FA91D166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103095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4F07D8C-075B-E943-B757-89BA9575E1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69E2905-E672-CF42-84A5-D94E99B0EA17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 b="0" i="1">
                <a:solidFill>
                  <a:schemeClr val="accent1"/>
                </a:solidFill>
                <a:latin typeface="Cambria" panose="02040503050406030204" pitchFamily="18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2E4C79D-F847-2944-950D-DDA7ABCA33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/2022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4B06C8-FC16-684A-BD5D-535E41A12D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6E0A12-C379-534A-ACBB-C2DD4C735F7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743054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A1B3E7-257A-344D-94CD-D6AD584B95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1CDBDFB-020F-B343-9E4E-024E844CD9B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B7C97B1-3A83-624E-90F7-FE2E547D191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F9A855B-AA89-3944-9C46-A5F037A2896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27BF0C6-EA44-C448-A222-5B5AAC6C869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9825C53-B8C2-6846-8B0A-362E76166A9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978133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C0DB00-41B1-5F43-8E9E-C8BD045548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D12D04-CF35-7A43-BAB9-A1FC3BB980F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>
                <a:solidFill>
                  <a:schemeClr val="accent5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3A94BAF-0B9F-2B40-8BEA-87429931C007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0CC94BB-BC0D-CD40-B6B9-D433E7E7D6E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>
                <a:solidFill>
                  <a:schemeClr val="accent5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F95672A-5A27-4147-A29F-9F571561C973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4031DB2-7609-554A-A355-B85DA4A8B15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/2022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39F5FA2-A1A8-4949-B43C-266D47DB40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F97E271-C3CC-9643-B02B-78D483B87B2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1994725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9A742AB-6FD1-754C-886E-98D8050603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AF09F3-D1CD-7441-AFCC-E3536BEC6E3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/2022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B7963FA-B29C-224F-8722-F3E3B356E4B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16533A4-6BCE-3944-987A-3D9729B616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0478320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10B03B4-03C5-9B40-8380-FCDEAB90B45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/2022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F812D6-8816-6244-AF46-5DA66929BED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1C32F4-DC82-FA4C-AE78-3AA95A280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0791523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1A6839-2466-5042-AF0E-0CAB47DEAB6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613BA9-C65F-AE47-9DB8-108D584FF04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E09C68F-80FF-4145-8E69-778286921A1C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>
                <a:latin typeface="Cambria" panose="02040503050406030204" pitchFamily="18" charset="0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8B0AD84-3577-4D4A-847F-E54E6B5F39F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1B747FD-C5A6-ED46-B926-8361C7A80D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36833BC-8143-C24E-8C00-A7F3559634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4416937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D8D0620-A980-B64D-83F7-7C11D0AFAC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C0E837AE-4215-C247-92CA-759668498174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BA0D277-3431-AC4E-B38F-1B4492F0BB0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 b="0" i="0">
                <a:latin typeface="Cambria" panose="02040503050406030204" pitchFamily="18" charset="0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3072B8-F031-544F-B8C2-597BDF0DE91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11/3/2022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87EE1BB-4A71-B943-8A39-B9980FEFCF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51DA8BB-04C3-B249-87AF-ED1320F7D30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157804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962243D-C4B1-E14B-8472-3BCBC46386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FDAAE48-8C14-8F4E-9D01-4DDD67E8A8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DA2B32E-2B9E-8E44-B2FD-D4538C167ED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2E283FE-89E7-A94E-8B41-A841656F7301}" type="datetimeFigureOut">
              <a:rPr lang="en-US" smtClean="0"/>
              <a:t>11/3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35CA30-A674-7242-86B4-F91F37A1B81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FD53717-B646-8E40-A05F-144531553C2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FF02F686-C6E3-DF4C-A597-D70ABED7E7B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76529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b="1" i="0" kern="1200">
          <a:solidFill>
            <a:schemeClr val="accent1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ilga.gov/commission/jcar/admincode/077/077002500G07200R.html" TargetMode="External"/><Relationship Id="rId1" Type="http://schemas.openxmlformats.org/officeDocument/2006/relationships/slideLayout" Target="../slideLayouts/slideLayout8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hyperlink" Target="http://www.ilpqc.org/" TargetMode="External"/><Relationship Id="rId1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image" Target="../media/image13.png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2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marchofdimes.org/sites/default/files/2022-10/March-of-Dimes-2021-Full-Report-Card.pdf" TargetMode="External"/><Relationship Id="rId2" Type="http://schemas.openxmlformats.org/officeDocument/2006/relationships/hyperlink" Target="https://youtu.be/gaQIOfzifvA" TargetMode="Externa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hyperlink" Target="http://www.nciperinatal.com/" TargetMode="External"/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customXml" Target="../ink/ink1.xml"/><Relationship Id="rId2" Type="http://schemas.openxmlformats.org/officeDocument/2006/relationships/image" Target="../media/image7.gi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4.emf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smtClean="0"/>
              <a:t>NCIPN Regional Quality Council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r>
              <a:rPr lang="en-US" dirty="0" smtClean="0"/>
              <a:t>November 3, 2022</a:t>
            </a:r>
          </a:p>
          <a:p>
            <a:r>
              <a:rPr lang="en-US" dirty="0" smtClean="0"/>
              <a:t>Jump Trading Simulation Center </a:t>
            </a:r>
          </a:p>
          <a:p>
            <a:r>
              <a:rPr lang="en-US" dirty="0"/>
              <a:t>o</a:t>
            </a:r>
            <a:r>
              <a:rPr lang="en-US" dirty="0" smtClean="0"/>
              <a:t>r via Teams</a:t>
            </a:r>
          </a:p>
          <a:p>
            <a:r>
              <a:rPr lang="en-US" dirty="0" smtClean="0"/>
              <a:t>Peoria, IL</a:t>
            </a:r>
          </a:p>
        </p:txBody>
      </p:sp>
    </p:spTree>
    <p:extLst>
      <p:ext uri="{BB962C8B-B14F-4D97-AF65-F5344CB8AC3E}">
        <p14:creationId xmlns:p14="http://schemas.microsoft.com/office/powerpoint/2010/main" val="16306835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Fetal/Neonatal/SMM Reviews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Records Needed for Review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9640198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Purpos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3200" dirty="0" smtClean="0"/>
              <a:t>Educational/Quality Improvement/Collaboration</a:t>
            </a:r>
          </a:p>
          <a:p>
            <a:r>
              <a:rPr lang="en-US" sz="3200" dirty="0" smtClean="0"/>
              <a:t>Maternal/Neonatal/Fetal </a:t>
            </a:r>
            <a:r>
              <a:rPr lang="en-US" sz="3200" dirty="0"/>
              <a:t>Mortality:</a:t>
            </a:r>
          </a:p>
          <a:p>
            <a:pPr lvl="1"/>
            <a:r>
              <a:rPr lang="en-US" sz="2800" dirty="0"/>
              <a:t>Determine contributing factors</a:t>
            </a:r>
          </a:p>
          <a:p>
            <a:pPr lvl="1"/>
            <a:r>
              <a:rPr lang="en-US" sz="2800" dirty="0"/>
              <a:t>Identify potential interventions to prevent deaths</a:t>
            </a:r>
          </a:p>
          <a:p>
            <a:pPr lvl="1"/>
            <a:r>
              <a:rPr lang="en-US" sz="2800" dirty="0"/>
              <a:t>Improve outcomes</a:t>
            </a:r>
          </a:p>
          <a:p>
            <a:r>
              <a:rPr lang="en-US" sz="3200" dirty="0"/>
              <a:t>Assign disposition or chance for improving outcome </a:t>
            </a:r>
          </a:p>
          <a:p>
            <a:pPr lvl="1"/>
            <a:r>
              <a:rPr lang="en-US" sz="2800" dirty="0"/>
              <a:t>good chance </a:t>
            </a:r>
          </a:p>
          <a:p>
            <a:pPr lvl="1"/>
            <a:r>
              <a:rPr lang="en-US" sz="2800" dirty="0"/>
              <a:t>no chance</a:t>
            </a:r>
          </a:p>
          <a:p>
            <a:pPr lvl="1"/>
            <a:r>
              <a:rPr lang="en-US" sz="2800" dirty="0"/>
              <a:t>some chance for improvement in </a:t>
            </a:r>
            <a:r>
              <a:rPr lang="en-US" sz="2800" dirty="0" smtClean="0"/>
              <a:t>care</a:t>
            </a:r>
          </a:p>
          <a:p>
            <a:pPr lvl="1"/>
            <a:endParaRPr lang="en-US" sz="2800" dirty="0"/>
          </a:p>
          <a:p>
            <a:pPr lvl="1"/>
            <a:endParaRPr lang="en-US" sz="2800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60042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ETAL DEATH REVIEWS</a:t>
            </a:r>
            <a:r>
              <a:rPr lang="en-US" b="0" dirty="0"/>
              <a:t>​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>
            <a:normAutofit fontScale="85000" lnSpcReduction="20000"/>
          </a:bodyPr>
          <a:lstStyle/>
          <a:p>
            <a:pPr marL="457200" indent="-457200" fontAlgn="base">
              <a:buFont typeface="Wingdings" panose="05000000000000000000" pitchFamily="2" charset="2"/>
              <a:buChar char="§"/>
            </a:pPr>
            <a:r>
              <a:rPr lang="en-US" dirty="0"/>
              <a:t>Susie will make agenda with case list and send out​</a:t>
            </a:r>
          </a:p>
          <a:p>
            <a:pPr marL="457200" indent="-457200" fontAlgn="base">
              <a:buFont typeface="Wingdings" panose="05000000000000000000" pitchFamily="2" charset="2"/>
              <a:buChar char="§"/>
            </a:pPr>
            <a:r>
              <a:rPr lang="en-US" dirty="0"/>
              <a:t>Records needed to be emailed to Deb Wenell</a:t>
            </a:r>
            <a:r>
              <a:rPr lang="en-US" dirty="0" smtClean="0"/>
              <a:t>​</a:t>
            </a:r>
          </a:p>
          <a:p>
            <a:pPr marL="1143000" lvl="1" indent="-457200" fontAlgn="base">
              <a:buFont typeface="Wingdings" panose="05000000000000000000" pitchFamily="2" charset="2"/>
              <a:buChar char="§"/>
            </a:pPr>
            <a:r>
              <a:rPr lang="en-US" dirty="0" err="1" smtClean="0"/>
              <a:t>Prenatals</a:t>
            </a:r>
            <a:r>
              <a:rPr lang="en-US" dirty="0"/>
              <a:t>​</a:t>
            </a:r>
          </a:p>
          <a:p>
            <a:pPr marL="1143000" lvl="1" indent="-457200" fontAlgn="base">
              <a:buFont typeface="Wingdings" panose="05000000000000000000" pitchFamily="2" charset="2"/>
              <a:buChar char="§"/>
            </a:pPr>
            <a:r>
              <a:rPr lang="en-US" dirty="0"/>
              <a:t>H&amp;P​</a:t>
            </a:r>
          </a:p>
          <a:p>
            <a:pPr marL="1143000" lvl="1" indent="-457200" fontAlgn="base">
              <a:buFont typeface="Wingdings" panose="05000000000000000000" pitchFamily="2" charset="2"/>
              <a:buChar char="§"/>
            </a:pPr>
            <a:r>
              <a:rPr lang="en-US" dirty="0"/>
              <a:t>Procedure note​</a:t>
            </a:r>
          </a:p>
          <a:p>
            <a:pPr marL="1143000" lvl="1" indent="-457200" fontAlgn="base">
              <a:buFont typeface="Wingdings" panose="05000000000000000000" pitchFamily="2" charset="2"/>
              <a:buChar char="§"/>
            </a:pPr>
            <a:r>
              <a:rPr lang="en-US" dirty="0"/>
              <a:t>D/C summary​</a:t>
            </a:r>
          </a:p>
          <a:p>
            <a:pPr marL="1143000" lvl="1" indent="-457200" fontAlgn="base">
              <a:buFont typeface="Wingdings" panose="05000000000000000000" pitchFamily="2" charset="2"/>
              <a:buChar char="§"/>
            </a:pPr>
            <a:r>
              <a:rPr lang="en-US" dirty="0"/>
              <a:t>Placental Path report​</a:t>
            </a:r>
          </a:p>
          <a:p>
            <a:pPr marL="1143000" lvl="1" indent="-457200" fontAlgn="base">
              <a:buFont typeface="Wingdings" panose="05000000000000000000" pitchFamily="2" charset="2"/>
              <a:buChar char="§"/>
            </a:pPr>
            <a:r>
              <a:rPr lang="en-US" dirty="0"/>
              <a:t>Autopsy​</a:t>
            </a:r>
          </a:p>
          <a:p>
            <a:pPr marL="1143000" lvl="1" indent="-457200" fontAlgn="base">
              <a:buFont typeface="Wingdings" panose="05000000000000000000" pitchFamily="2" charset="2"/>
              <a:buChar char="§"/>
            </a:pPr>
            <a:r>
              <a:rPr lang="en-US" dirty="0"/>
              <a:t>Chromosomes/Microarray​</a:t>
            </a:r>
          </a:p>
          <a:p>
            <a:pPr marL="1143000" lvl="1" indent="-457200" fontAlgn="base">
              <a:buFont typeface="Wingdings" panose="05000000000000000000" pitchFamily="2" charset="2"/>
              <a:buChar char="§"/>
            </a:pPr>
            <a:r>
              <a:rPr lang="en-US" dirty="0"/>
              <a:t>Any lab work up​</a:t>
            </a:r>
          </a:p>
          <a:p>
            <a:pPr marL="1143000" lvl="1" indent="-457200" fontAlgn="base">
              <a:buFont typeface="Wingdings" panose="05000000000000000000" pitchFamily="2" charset="2"/>
              <a:buChar char="§"/>
            </a:pPr>
            <a:r>
              <a:rPr lang="en-US" dirty="0"/>
              <a:t>Drug screen, </a:t>
            </a:r>
            <a:r>
              <a:rPr lang="en-US" dirty="0" err="1"/>
              <a:t>Cardiolipins</a:t>
            </a:r>
            <a:r>
              <a:rPr lang="en-US" dirty="0"/>
              <a:t>, Lupus anticoagulant, TORCH, </a:t>
            </a:r>
            <a:r>
              <a:rPr lang="en-US" dirty="0" err="1"/>
              <a:t>Parvo</a:t>
            </a:r>
            <a:r>
              <a:rPr lang="en-US" dirty="0"/>
              <a:t>, KB, </a:t>
            </a:r>
            <a:r>
              <a:rPr lang="en-US" dirty="0" err="1"/>
              <a:t>etc</a:t>
            </a:r>
            <a:r>
              <a:rPr lang="en-US" dirty="0"/>
              <a:t>​</a:t>
            </a:r>
          </a:p>
          <a:p>
            <a:pPr fontAlgn="base"/>
            <a:endParaRPr lang="en-US" dirty="0"/>
          </a:p>
          <a:p>
            <a:pPr fontAlgn="base"/>
            <a:r>
              <a:rPr lang="en-US" dirty="0" smtClean="0"/>
              <a:t>*If </a:t>
            </a:r>
            <a:r>
              <a:rPr lang="en-US" dirty="0"/>
              <a:t>autopsy, chromosomes/microarray, labs not done—please make note on email.​</a:t>
            </a:r>
          </a:p>
          <a:p>
            <a:pPr marL="457200" indent="-457200" fontAlgn="base">
              <a:buFont typeface="Wingdings" panose="05000000000000000000" pitchFamily="2" charset="2"/>
              <a:buChar char="§"/>
            </a:pPr>
            <a:endParaRPr lang="en-U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4156864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Neonatal Death Review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>
            <a:normAutofit fontScale="92500"/>
          </a:bodyPr>
          <a:lstStyle/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Prenatal and Delivery information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Maternal H &amp; P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Birth Record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Overview of care received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Autopsy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Chromosomal Studies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Placental Pathology Report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/>
              <a:t>Drug screen, </a:t>
            </a:r>
            <a:r>
              <a:rPr lang="en-US" dirty="0" err="1"/>
              <a:t>Cardiolipins</a:t>
            </a:r>
            <a:r>
              <a:rPr lang="en-US" dirty="0"/>
              <a:t>, Lupus anticoagulant, TORCH, </a:t>
            </a:r>
            <a:r>
              <a:rPr lang="en-US" dirty="0" err="1"/>
              <a:t>Parvo</a:t>
            </a:r>
            <a:r>
              <a:rPr lang="en-US" dirty="0"/>
              <a:t>, KB, </a:t>
            </a:r>
            <a:r>
              <a:rPr lang="en-US" dirty="0" err="1"/>
              <a:t>etc</a:t>
            </a:r>
            <a:r>
              <a:rPr lang="en-US" dirty="0"/>
              <a:t>​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All sent to Deb Wenel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6131414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SMM Review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Severe Maternal Morbidity (&gt;4 units PRBC, ICU Admission anytime during pregnancy or postpartum)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SMM form completed through timeline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If patient was transferred, need timeline up until time of transfer. We will complete the rest of the timeline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Be sure to include any information from postpartum care (B/P follow up, incision checks, hospital readmissions)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en-US" dirty="0" smtClean="0"/>
              <a:t>Please send to Susie and Jen</a:t>
            </a:r>
          </a:p>
        </p:txBody>
      </p:sp>
    </p:spTree>
    <p:extLst>
      <p:ext uri="{BB962C8B-B14F-4D97-AF65-F5344CB8AC3E}">
        <p14:creationId xmlns:p14="http://schemas.microsoft.com/office/powerpoint/2010/main" val="270113019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Maternal Levels of Car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486340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Maternal Levels of Care Process</a:t>
            </a:r>
            <a:endParaRPr lang="en-US" dirty="0"/>
          </a:p>
        </p:txBody>
      </p:sp>
      <p:pic>
        <p:nvPicPr>
          <p:cNvPr id="5" name="Picture Placeholder 4"/>
          <p:cNvPicPr>
            <a:picLocks noGrp="1" noChangeAspect="1"/>
          </p:cNvPicPr>
          <p:nvPr>
            <p:ph type="pic" idx="1"/>
          </p:nvPr>
        </p:nvPicPr>
        <p:blipFill rotWithShape="1">
          <a:blip r:embed="rId2"/>
          <a:srcRect l="11331" t="21793" r="30321" b="7688"/>
          <a:stretch/>
        </p:blipFill>
        <p:spPr>
          <a:xfrm>
            <a:off x="4677104" y="457200"/>
            <a:ext cx="7346730" cy="5607269"/>
          </a:xfrm>
          <a:prstGeom prst="rect">
            <a:avLst/>
          </a:prstGeom>
        </p:spPr>
      </p:pic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/>
        <p:txBody>
          <a:bodyPr>
            <a:normAutofit/>
          </a:bodyPr>
          <a:lstStyle/>
          <a:p>
            <a:r>
              <a:rPr lang="en-US" sz="1800" dirty="0" smtClean="0"/>
              <a:t>Timeline</a:t>
            </a:r>
          </a:p>
          <a:p>
            <a:r>
              <a:rPr lang="en-US" sz="1800" dirty="0" smtClean="0"/>
              <a:t>Rules have been sent to PAC (Perinatal Advisory Committee)</a:t>
            </a:r>
          </a:p>
          <a:p>
            <a:endParaRPr lang="en-US" sz="1800" dirty="0"/>
          </a:p>
          <a:p>
            <a:r>
              <a:rPr lang="en-US" sz="1800" dirty="0" smtClean="0"/>
              <a:t>SBOH = State Board of Health</a:t>
            </a:r>
          </a:p>
          <a:p>
            <a:r>
              <a:rPr lang="en-US" sz="1800" dirty="0" smtClean="0"/>
              <a:t>SOS = Secretary of State</a:t>
            </a:r>
          </a:p>
          <a:p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165794559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614" y="457200"/>
            <a:ext cx="4656411" cy="1600200"/>
          </a:xfrm>
        </p:spPr>
        <p:txBody>
          <a:bodyPr/>
          <a:lstStyle/>
          <a:p>
            <a:r>
              <a:rPr lang="en-US" dirty="0" smtClean="0"/>
              <a:t>In-Depth Look</a:t>
            </a:r>
            <a:endParaRPr lang="en-US" dirty="0"/>
          </a:p>
        </p:txBody>
      </p:sp>
      <p:pic>
        <p:nvPicPr>
          <p:cNvPr id="5" name="Picture Placeholder 4"/>
          <p:cNvPicPr>
            <a:picLocks noGrp="1" noChangeAspect="1"/>
          </p:cNvPicPr>
          <p:nvPr>
            <p:ph type="pic" idx="1"/>
          </p:nvPr>
        </p:nvPicPr>
        <p:blipFill rotWithShape="1">
          <a:blip r:embed="rId2"/>
          <a:srcRect l="20776" t="18532" r="32052" b="10395"/>
          <a:stretch/>
        </p:blipFill>
        <p:spPr>
          <a:xfrm>
            <a:off x="2659118" y="136635"/>
            <a:ext cx="9532882" cy="7041930"/>
          </a:xfrm>
          <a:prstGeom prst="rect">
            <a:avLst/>
          </a:prstGeom>
        </p:spPr>
      </p:pic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3948988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Updates to Hospital Licensing 250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>
            <a:normAutofit fontScale="92500" lnSpcReduction="20000"/>
          </a:bodyPr>
          <a:lstStyle/>
          <a:p>
            <a:pPr marL="0" indent="0" algn="ctr">
              <a:buNone/>
            </a:pPr>
            <a:r>
              <a:rPr lang="en-US" sz="2000" b="1" dirty="0"/>
              <a:t>TITLE 77: PUBLIC HEALTH</a:t>
            </a:r>
            <a:r>
              <a:rPr lang="en-US" sz="2000" dirty="0"/>
              <a:t/>
            </a:r>
            <a:br>
              <a:rPr lang="en-US" sz="2000" dirty="0"/>
            </a:br>
            <a:r>
              <a:rPr lang="en-US" sz="2000" b="1" dirty="0"/>
              <a:t>CHAPTER I: DEPARTMENT OF PUBLIC HEALTH</a:t>
            </a:r>
            <a:r>
              <a:rPr lang="en-US" sz="2000" dirty="0"/>
              <a:t/>
            </a:r>
            <a:br>
              <a:rPr lang="en-US" sz="2000" dirty="0"/>
            </a:br>
            <a:r>
              <a:rPr lang="en-US" sz="2000" b="1" dirty="0"/>
              <a:t>SUBCHAPTER b: HOSPITALS AND AMBULATORY CARE FACILITIES</a:t>
            </a:r>
            <a:r>
              <a:rPr lang="en-US" sz="2000" dirty="0"/>
              <a:t/>
            </a:r>
            <a:br>
              <a:rPr lang="en-US" sz="2000" dirty="0"/>
            </a:br>
            <a:r>
              <a:rPr lang="en-US" sz="2000" b="1" dirty="0"/>
              <a:t>PART 250 HOSPITAL LICENSING REQUIREMENTS</a:t>
            </a:r>
            <a:r>
              <a:rPr lang="en-US" sz="2000" dirty="0"/>
              <a:t/>
            </a:r>
            <a:br>
              <a:rPr lang="en-US" sz="2000" dirty="0"/>
            </a:br>
            <a:r>
              <a:rPr lang="en-US" sz="2000" b="1" dirty="0"/>
              <a:t>SECTION 250.720 GENERAL REQUIREMENTS</a:t>
            </a:r>
            <a:r>
              <a:rPr lang="en-US" sz="2000" dirty="0"/>
              <a:t/>
            </a:r>
            <a:br>
              <a:rPr lang="en-US" sz="2000" dirty="0"/>
            </a:br>
            <a:endParaRPr lang="en-US" sz="2000" dirty="0" smtClean="0"/>
          </a:p>
          <a:p>
            <a:pPr marL="0" indent="0" algn="ctr">
              <a:buNone/>
            </a:pPr>
            <a:r>
              <a:rPr lang="en-US" sz="2000" dirty="0" smtClean="0">
                <a:solidFill>
                  <a:srgbClr val="000000"/>
                </a:solidFill>
                <a:latin typeface="Times New Roman" panose="02020603050405020304" pitchFamily="18" charset="0"/>
              </a:rPr>
              <a:t>f.)</a:t>
            </a:r>
            <a:r>
              <a:rPr lang="en-US" sz="2000" dirty="0">
                <a:solidFill>
                  <a:srgbClr val="000000"/>
                </a:solidFill>
                <a:latin typeface="Times New Roman" panose="02020603050405020304" pitchFamily="18" charset="0"/>
              </a:rPr>
              <a:t>       Hospitals providing obstetric services shall have a </a:t>
            </a:r>
            <a:r>
              <a:rPr lang="en-US" sz="2000" i="1" dirty="0">
                <a:solidFill>
                  <a:srgbClr val="FF0000"/>
                </a:solidFill>
                <a:latin typeface="Times New Roman" panose="02020603050405020304" pitchFamily="18" charset="0"/>
              </a:rPr>
              <a:t>written policy </a:t>
            </a:r>
            <a:r>
              <a:rPr lang="en-US" sz="2000" i="1" dirty="0">
                <a:solidFill>
                  <a:srgbClr val="000000"/>
                </a:solidFill>
                <a:latin typeface="Times New Roman" panose="02020603050405020304" pitchFamily="18" charset="0"/>
              </a:rPr>
              <a:t>and </a:t>
            </a:r>
            <a:r>
              <a:rPr lang="en-US" sz="2000" i="1" dirty="0">
                <a:solidFill>
                  <a:srgbClr val="FF0000"/>
                </a:solidFill>
                <a:latin typeface="Times New Roman" panose="02020603050405020304" pitchFamily="18" charset="0"/>
              </a:rPr>
              <a:t>conduct continuing education yearly </a:t>
            </a:r>
            <a:r>
              <a:rPr lang="en-US" sz="2000" dirty="0">
                <a:solidFill>
                  <a:srgbClr val="FF0000"/>
                </a:solidFill>
                <a:latin typeface="Times New Roman" panose="02020603050405020304" pitchFamily="18" charset="0"/>
              </a:rPr>
              <a:t>(calendar) </a:t>
            </a:r>
            <a:r>
              <a:rPr lang="en-US" sz="2000" i="1" dirty="0">
                <a:solidFill>
                  <a:srgbClr val="FF0000"/>
                </a:solidFill>
                <a:latin typeface="Times New Roman" panose="02020603050405020304" pitchFamily="18" charset="0"/>
              </a:rPr>
              <a:t>for providers and staff of obstetric medicine, and of the emergency department, and other staff that may care for pregnant or postpartum women.</a:t>
            </a:r>
            <a:r>
              <a:rPr lang="en-US" sz="2000" i="1" dirty="0">
                <a:solidFill>
                  <a:srgbClr val="000000"/>
                </a:solidFill>
                <a:latin typeface="Times New Roman" panose="02020603050405020304" pitchFamily="18" charset="0"/>
              </a:rPr>
              <a:t>  The written policy and continuing education shall include </a:t>
            </a:r>
            <a:r>
              <a:rPr lang="en-US" sz="2000" i="1" dirty="0">
                <a:solidFill>
                  <a:srgbClr val="FF0000"/>
                </a:solidFill>
                <a:latin typeface="Times New Roman" panose="02020603050405020304" pitchFamily="18" charset="0"/>
              </a:rPr>
              <a:t>yearly educational modules regarding management of severe maternal hypertension and obstetric hemorrhage and other leading causes of maternal mortality for units that care for pregnant or postpartum women</a:t>
            </a:r>
            <a:r>
              <a:rPr lang="en-US" sz="2000" dirty="0">
                <a:solidFill>
                  <a:srgbClr val="FF0000"/>
                </a:solidFill>
                <a:latin typeface="Times New Roman" panose="02020603050405020304" pitchFamily="18" charset="0"/>
              </a:rPr>
              <a:t>.  Hospitals providing obstetric services shall </a:t>
            </a:r>
            <a:r>
              <a:rPr lang="en-US" sz="2000" i="1" dirty="0">
                <a:solidFill>
                  <a:srgbClr val="FF0000"/>
                </a:solidFill>
                <a:latin typeface="Times New Roman" panose="02020603050405020304" pitchFamily="18" charset="0"/>
              </a:rPr>
              <a:t>demonstrate compliance with these written policy, education, and training requirements.</a:t>
            </a:r>
            <a:r>
              <a:rPr lang="en-US" sz="2000" dirty="0">
                <a:solidFill>
                  <a:srgbClr val="FF0000"/>
                </a:solidFill>
                <a:latin typeface="Times New Roman" panose="02020603050405020304" pitchFamily="18" charset="0"/>
              </a:rPr>
              <a:t> </a:t>
            </a:r>
            <a:r>
              <a:rPr lang="en-US" sz="2000" dirty="0">
                <a:solidFill>
                  <a:srgbClr val="000000"/>
                </a:solidFill>
                <a:latin typeface="Times New Roman" panose="02020603050405020304" pitchFamily="18" charset="0"/>
              </a:rPr>
              <a:t>(Section 2310-222(b) of the Department of Public Health Powers and Duties Law)  (See also Section 250.1830(n) and (o)).</a:t>
            </a:r>
            <a:endParaRPr lang="en-US" sz="200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US" dirty="0" smtClean="0"/>
          </a:p>
          <a:p>
            <a:r>
              <a:rPr lang="en-US" dirty="0" smtClean="0"/>
              <a:t>Website Link:</a:t>
            </a:r>
            <a:endParaRPr lang="en-US" dirty="0"/>
          </a:p>
          <a:p>
            <a:r>
              <a:rPr lang="en-US" dirty="0">
                <a:hlinkClick r:id="rId2"/>
              </a:rPr>
              <a:t>https://</a:t>
            </a:r>
            <a:r>
              <a:rPr lang="en-US" dirty="0" smtClean="0">
                <a:hlinkClick r:id="rId2"/>
              </a:rPr>
              <a:t>www.ilga.gov/commission/jcar/admincode/077/077002500G07200R.html</a:t>
            </a:r>
            <a:endParaRPr lang="en-US" dirty="0" smtClean="0"/>
          </a:p>
          <a:p>
            <a:endParaRPr lang="en-US" dirty="0"/>
          </a:p>
          <a:p>
            <a:r>
              <a:rPr lang="en-US" dirty="0" smtClean="0"/>
              <a:t>Effective September 1, 2022</a:t>
            </a:r>
          </a:p>
          <a:p>
            <a:endParaRPr lang="en-US" dirty="0"/>
          </a:p>
          <a:p>
            <a:endParaRPr lang="en-US" dirty="0" smtClean="0"/>
          </a:p>
          <a:p>
            <a:endParaRPr lang="en-US" dirty="0" smtClean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82334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Illinois Perinatal Quality Collaborativ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October 27, 2022</a:t>
            </a:r>
          </a:p>
          <a:p>
            <a:r>
              <a:rPr lang="en-US" dirty="0" smtClean="0"/>
              <a:t>Annual Conference Updat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000411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Agenda</a:t>
            </a:r>
            <a:endParaRPr lang="en-US" dirty="0"/>
          </a:p>
        </p:txBody>
      </p:sp>
      <p:pic>
        <p:nvPicPr>
          <p:cNvPr id="4" name="Content Placeholder 3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591369" y="249511"/>
            <a:ext cx="7181734" cy="62774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881235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IL PQC (IL Perinatal Quality Collaborative)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Maternal			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dirty="0" smtClean="0"/>
              <a:t>MNO</a:t>
            </a:r>
          </a:p>
          <a:p>
            <a:pPr lvl="1"/>
            <a:r>
              <a:rPr lang="en-US" dirty="0" err="1" smtClean="0"/>
              <a:t>Narcan</a:t>
            </a:r>
            <a:r>
              <a:rPr lang="en-US" dirty="0" smtClean="0"/>
              <a:t>!</a:t>
            </a:r>
          </a:p>
          <a:p>
            <a:r>
              <a:rPr lang="en-US" dirty="0" smtClean="0"/>
              <a:t>PVB – A Healthy Start for Moms and Babies! (</a:t>
            </a:r>
            <a:r>
              <a:rPr lang="en-US" dirty="0" smtClean="0">
                <a:solidFill>
                  <a:schemeClr val="accent5">
                    <a:lumMod val="75000"/>
                  </a:schemeClr>
                </a:solidFill>
              </a:rPr>
              <a:t>thinking upstream</a:t>
            </a:r>
            <a:r>
              <a:rPr lang="en-US" dirty="0" smtClean="0"/>
              <a:t>)</a:t>
            </a:r>
          </a:p>
          <a:p>
            <a:r>
              <a:rPr lang="en-US" dirty="0" smtClean="0"/>
              <a:t>Birth Equity</a:t>
            </a:r>
          </a:p>
          <a:p>
            <a:r>
              <a:rPr lang="en-US" dirty="0" smtClean="0"/>
              <a:t>PREM</a:t>
            </a:r>
          </a:p>
          <a:p>
            <a:pPr lvl="1"/>
            <a:r>
              <a:rPr lang="en-US" dirty="0" smtClean="0"/>
              <a:t>Patient Reported Experience Measure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r>
              <a:rPr lang="en-US" dirty="0" smtClean="0"/>
              <a:t>Newborn</a:t>
            </a:r>
            <a:endParaRPr lang="en-US" dirty="0"/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/>
        <p:txBody>
          <a:bodyPr/>
          <a:lstStyle/>
          <a:p>
            <a:r>
              <a:rPr lang="en-US" dirty="0" smtClean="0"/>
              <a:t>BASIC continues</a:t>
            </a:r>
          </a:p>
          <a:p>
            <a:r>
              <a:rPr lang="en-US" dirty="0" smtClean="0"/>
              <a:t>In 2018 infant mortality in IL 6.5/1,000 live births – 5.7 in USA</a:t>
            </a:r>
          </a:p>
          <a:p>
            <a:r>
              <a:rPr lang="en-US" dirty="0" smtClean="0"/>
              <a:t>Infant Mortality </a:t>
            </a:r>
            <a:r>
              <a:rPr lang="en-US" b="1" dirty="0" smtClean="0">
                <a:solidFill>
                  <a:schemeClr val="accent5">
                    <a:lumMod val="75000"/>
                  </a:schemeClr>
                </a:solidFill>
              </a:rPr>
              <a:t>NEW INITATIVE </a:t>
            </a:r>
          </a:p>
          <a:p>
            <a:pPr lvl="1"/>
            <a:r>
              <a:rPr lang="en-US" dirty="0" smtClean="0"/>
              <a:t>Safe Sleep Environment</a:t>
            </a:r>
          </a:p>
          <a:p>
            <a:pPr lvl="1"/>
            <a:r>
              <a:rPr lang="en-US" dirty="0" smtClean="0"/>
              <a:t>Racial Equity</a:t>
            </a:r>
          </a:p>
          <a:p>
            <a:pPr lvl="1"/>
            <a:r>
              <a:rPr lang="en-US" dirty="0" smtClean="0"/>
              <a:t>Social Determinants of Health</a:t>
            </a:r>
            <a:endParaRPr lang="en-US" dirty="0"/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0871928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IL PQC Website</a:t>
            </a:r>
            <a:endParaRPr lang="en-US" dirty="0"/>
          </a:p>
        </p:txBody>
      </p:sp>
      <p:sp>
        <p:nvSpPr>
          <p:cNvPr id="3" name="Picture Placeholder 2"/>
          <p:cNvSpPr>
            <a:spLocks noGrp="1"/>
          </p:cNvSpPr>
          <p:nvPr>
            <p:ph type="pic" idx="1"/>
          </p:nvPr>
        </p:nvSpPr>
        <p:spPr/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/>
        <p:txBody>
          <a:bodyPr>
            <a:normAutofit/>
          </a:bodyPr>
          <a:lstStyle/>
          <a:p>
            <a:r>
              <a:rPr lang="en-US" sz="3200" dirty="0" smtClean="0">
                <a:hlinkClick r:id="rId2"/>
              </a:rPr>
              <a:t>www.ilpqc.org</a:t>
            </a:r>
            <a:endParaRPr lang="en-US" sz="3200" dirty="0" smtClean="0"/>
          </a:p>
          <a:p>
            <a:r>
              <a:rPr lang="en-US" sz="2400" dirty="0" smtClean="0"/>
              <a:t>Look for the </a:t>
            </a:r>
            <a:r>
              <a:rPr lang="en-US" sz="2400" i="1" dirty="0" smtClean="0"/>
              <a:t>Initiative </a:t>
            </a:r>
          </a:p>
          <a:p>
            <a:r>
              <a:rPr lang="en-US" sz="2400" dirty="0"/>
              <a:t> </a:t>
            </a:r>
            <a:r>
              <a:rPr lang="en-US" sz="2400" dirty="0" smtClean="0"/>
              <a:t>    “One Pagers”</a:t>
            </a:r>
          </a:p>
          <a:p>
            <a:r>
              <a:rPr lang="en-US" sz="1800" dirty="0" smtClean="0"/>
              <a:t>Brief but informative insights into initiatives and how to be involved.</a:t>
            </a:r>
          </a:p>
          <a:p>
            <a:endParaRPr lang="en-US" sz="2400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24437" y="987424"/>
            <a:ext cx="8050432" cy="52872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1479904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Moms and Babies</a:t>
            </a:r>
            <a:endParaRPr lang="en-US" dirty="0"/>
          </a:p>
        </p:txBody>
      </p:sp>
      <p:pic>
        <p:nvPicPr>
          <p:cNvPr id="5" name="Picture Placeholder 4"/>
          <p:cNvPicPr>
            <a:picLocks noGrp="1" noChangeAspect="1"/>
          </p:cNvPicPr>
          <p:nvPr>
            <p:ph type="pic" idx="1"/>
          </p:nvPr>
        </p:nvPicPr>
        <p:blipFill>
          <a:blip r:embed="rId2"/>
          <a:srcRect l="7862" r="7862"/>
          <a:stretch>
            <a:fillRect/>
          </a:stretch>
        </p:blipFill>
        <p:spPr>
          <a:xfrm>
            <a:off x="5183188" y="987425"/>
            <a:ext cx="2457833" cy="1829347"/>
          </a:xfrm>
          <a:prstGeom prst="rect">
            <a:avLst/>
          </a:prstGeom>
        </p:spPr>
      </p:pic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pPr algn="ctr"/>
            <a:r>
              <a:rPr lang="en-US" sz="4000" dirty="0" smtClean="0"/>
              <a:t>“Sometimes the smallest things take up the most room in your heart.”</a:t>
            </a:r>
          </a:p>
          <a:p>
            <a:pPr algn="ctr"/>
            <a:r>
              <a:rPr lang="en-US" dirty="0" smtClean="0"/>
              <a:t>Winne the Pooh</a:t>
            </a:r>
            <a:endParaRPr lang="en-US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937977" y="3429000"/>
            <a:ext cx="1952625" cy="2343150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70806" y="457200"/>
            <a:ext cx="2301437" cy="2082362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143343" y="3429000"/>
            <a:ext cx="2628900" cy="1743075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641021" y="1685925"/>
            <a:ext cx="2619375" cy="17430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566363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IL PQC </a:t>
            </a:r>
            <a:r>
              <a:rPr lang="en-US" i="1" dirty="0" smtClean="0"/>
              <a:t>2023</a:t>
            </a:r>
            <a:r>
              <a:rPr lang="en-US" dirty="0" smtClean="0"/>
              <a:t> Date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May 25, 2023 </a:t>
            </a:r>
          </a:p>
          <a:p>
            <a:r>
              <a:rPr lang="en-US" dirty="0"/>
              <a:t>	</a:t>
            </a:r>
            <a:r>
              <a:rPr lang="en-US" dirty="0" smtClean="0"/>
              <a:t>Face to Face </a:t>
            </a:r>
          </a:p>
          <a:p>
            <a:r>
              <a:rPr lang="en-US" dirty="0"/>
              <a:t>	</a:t>
            </a:r>
            <a:r>
              <a:rPr lang="en-US" dirty="0" smtClean="0"/>
              <a:t>Springfield</a:t>
            </a:r>
          </a:p>
          <a:p>
            <a:endParaRPr lang="en-US" dirty="0" smtClean="0"/>
          </a:p>
          <a:p>
            <a:r>
              <a:rPr lang="en-US" dirty="0" smtClean="0"/>
              <a:t>November 2, 2023 </a:t>
            </a:r>
          </a:p>
          <a:p>
            <a:r>
              <a:rPr lang="en-US" dirty="0"/>
              <a:t>	</a:t>
            </a:r>
            <a:r>
              <a:rPr lang="en-US" dirty="0" smtClean="0"/>
              <a:t>Annual Conference</a:t>
            </a:r>
          </a:p>
          <a:p>
            <a:r>
              <a:rPr lang="en-US" dirty="0"/>
              <a:t>	</a:t>
            </a:r>
            <a:r>
              <a:rPr lang="en-US" dirty="0" smtClean="0"/>
              <a:t>Lombard</a:t>
            </a:r>
            <a:endParaRPr lang="en-US" dirty="0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81637" y="515007"/>
            <a:ext cx="6037701" cy="54338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564424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Work Groups – Take a Break!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Maternal and Newborn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16992957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Maternity Desert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YouTube Video</a:t>
            </a:r>
          </a:p>
          <a:p>
            <a:r>
              <a:rPr lang="en-US" dirty="0" smtClean="0"/>
              <a:t>	</a:t>
            </a:r>
            <a:r>
              <a:rPr lang="en-US" dirty="0" smtClean="0">
                <a:hlinkClick r:id="rId2"/>
              </a:rPr>
              <a:t>https</a:t>
            </a:r>
            <a:r>
              <a:rPr lang="en-US" dirty="0">
                <a:hlinkClick r:id="rId2"/>
              </a:rPr>
              <a:t>://</a:t>
            </a:r>
            <a:r>
              <a:rPr lang="en-US" dirty="0" smtClean="0">
                <a:hlinkClick r:id="rId2"/>
              </a:rPr>
              <a:t>youtu.be/gaQIOfzifvA</a:t>
            </a:r>
            <a:endParaRPr lang="en-US" dirty="0"/>
          </a:p>
          <a:p>
            <a:endParaRPr lang="en-US" dirty="0" smtClean="0"/>
          </a:p>
          <a:p>
            <a:r>
              <a:rPr lang="en-US" dirty="0" smtClean="0"/>
              <a:t>March </a:t>
            </a:r>
            <a:r>
              <a:rPr lang="en-US" smtClean="0"/>
              <a:t>of Dimes Report</a:t>
            </a:r>
            <a:endParaRPr lang="en-US" dirty="0" smtClean="0"/>
          </a:p>
          <a:p>
            <a:r>
              <a:rPr lang="en-US" dirty="0"/>
              <a:t>	</a:t>
            </a:r>
            <a:r>
              <a:rPr lang="en-US" dirty="0">
                <a:hlinkClick r:id="rId3"/>
              </a:rPr>
              <a:t>https://</a:t>
            </a:r>
            <a:r>
              <a:rPr lang="en-US" dirty="0" smtClean="0">
                <a:hlinkClick r:id="rId3"/>
              </a:rPr>
              <a:t>www.marchofdimes.org/sites/default/files/2022-10/March-of-Dimes-2021-Full-Report-Card.pdf</a:t>
            </a:r>
            <a:endParaRPr lang="en-US" dirty="0" smtClean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58114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Introduction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Its all about shifting gears!</a:t>
            </a:r>
          </a:p>
          <a:p>
            <a:endParaRPr lang="en-US" dirty="0" smtClean="0"/>
          </a:p>
          <a:p>
            <a:r>
              <a:rPr lang="en-US" dirty="0" smtClean="0"/>
              <a:t>Please share:</a:t>
            </a:r>
          </a:p>
          <a:p>
            <a:r>
              <a:rPr lang="en-US" dirty="0" smtClean="0"/>
              <a:t>	Name</a:t>
            </a:r>
            <a:endParaRPr lang="en-US" dirty="0" smtClean="0"/>
          </a:p>
          <a:p>
            <a:r>
              <a:rPr lang="en-US" dirty="0" smtClean="0"/>
              <a:t>	Hospital </a:t>
            </a:r>
            <a:r>
              <a:rPr lang="en-US" dirty="0" smtClean="0"/>
              <a:t>you serve and Level of Care</a:t>
            </a:r>
          </a:p>
          <a:p>
            <a:r>
              <a:rPr lang="en-US" dirty="0" smtClean="0"/>
              <a:t>		Your </a:t>
            </a:r>
            <a:r>
              <a:rPr lang="en-US" dirty="0"/>
              <a:t>r</a:t>
            </a:r>
            <a:r>
              <a:rPr lang="en-US" dirty="0" smtClean="0"/>
              <a:t>ole </a:t>
            </a:r>
            <a:r>
              <a:rPr lang="en-US" dirty="0" smtClean="0"/>
              <a:t>there</a:t>
            </a:r>
          </a:p>
          <a:p>
            <a:r>
              <a:rPr lang="en-US" dirty="0" smtClean="0"/>
              <a:t>	*Job/Position you had before </a:t>
            </a:r>
          </a:p>
          <a:p>
            <a:r>
              <a:rPr lang="en-US" dirty="0"/>
              <a:t>	</a:t>
            </a:r>
            <a:r>
              <a:rPr lang="en-US" dirty="0" smtClean="0"/>
              <a:t>	that taught you the most</a:t>
            </a:r>
            <a:endParaRPr lang="en-US" dirty="0" smtClean="0"/>
          </a:p>
          <a:p>
            <a:endParaRPr lang="en-US" dirty="0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62131" y="692533"/>
            <a:ext cx="1931441" cy="2408019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35007" y="210207"/>
            <a:ext cx="3300248" cy="2648607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559480" y="3070610"/>
            <a:ext cx="2266295" cy="1627516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521096" y="4794307"/>
            <a:ext cx="2609359" cy="1727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0823821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Maternal Outreach Educator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 smtClean="0"/>
              <a:t>Jen </a:t>
            </a:r>
            <a:r>
              <a:rPr lang="en-US" dirty="0" err="1" smtClean="0"/>
              <a:t>Carius</a:t>
            </a:r>
            <a:r>
              <a:rPr lang="en-US" dirty="0" smtClean="0"/>
              <a:t>, RN, BSN</a:t>
            </a:r>
            <a:endParaRPr lang="en-US" dirty="0"/>
          </a:p>
          <a:p>
            <a:r>
              <a:rPr lang="en-US" dirty="0" smtClean="0"/>
              <a:t>2009 graduate of OSF Saint Francis College of Nursing</a:t>
            </a:r>
          </a:p>
          <a:p>
            <a:r>
              <a:rPr lang="en-US" dirty="0" smtClean="0"/>
              <a:t>12 years of labor and delivery experience</a:t>
            </a:r>
          </a:p>
          <a:p>
            <a:r>
              <a:rPr lang="en-US" dirty="0" smtClean="0"/>
              <a:t>RNC and C-EFM by January 2023</a:t>
            </a:r>
          </a:p>
          <a:p>
            <a:r>
              <a:rPr lang="en-US" dirty="0" smtClean="0"/>
              <a:t>Pursing an MSN in Education</a:t>
            </a:r>
          </a:p>
          <a:p>
            <a:r>
              <a:rPr lang="en-US" dirty="0" smtClean="0"/>
              <a:t>AWHONN Intermediate Instructor December 2022</a:t>
            </a:r>
          </a:p>
          <a:p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7531500" y="1690688"/>
            <a:ext cx="3822299" cy="46260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3553063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Education Updates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Janessa and Je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073411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Fetal Monitoring Offerings</a:t>
            </a:r>
            <a:endParaRPr lang="en-US" dirty="0"/>
          </a:p>
        </p:txBody>
      </p:sp>
      <p:graphicFrame>
        <p:nvGraphicFramePr>
          <p:cNvPr id="5" name="Content Placeholder 4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2243857364"/>
              </p:ext>
            </p:extLst>
          </p:nvPr>
        </p:nvGraphicFramePr>
        <p:xfrm>
          <a:off x="5854263" y="457201"/>
          <a:ext cx="5654565" cy="5422144"/>
        </p:xfrm>
        <a:graphic>
          <a:graphicData uri="http://schemas.openxmlformats.org/drawingml/2006/table">
            <a:tbl>
              <a:tblPr/>
              <a:tblGrid>
                <a:gridCol w="1329557">
                  <a:extLst>
                    <a:ext uri="{9D8B030D-6E8A-4147-A177-3AD203B41FA5}">
                      <a16:colId xmlns:a16="http://schemas.microsoft.com/office/drawing/2014/main" val="2809302809"/>
                    </a:ext>
                  </a:extLst>
                </a:gridCol>
                <a:gridCol w="2006627">
                  <a:extLst>
                    <a:ext uri="{9D8B030D-6E8A-4147-A177-3AD203B41FA5}">
                      <a16:colId xmlns:a16="http://schemas.microsoft.com/office/drawing/2014/main" val="3807342854"/>
                    </a:ext>
                  </a:extLst>
                </a:gridCol>
                <a:gridCol w="2318381">
                  <a:extLst>
                    <a:ext uri="{9D8B030D-6E8A-4147-A177-3AD203B41FA5}">
                      <a16:colId xmlns:a16="http://schemas.microsoft.com/office/drawing/2014/main" val="3892559525"/>
                    </a:ext>
                  </a:extLst>
                </a:gridCol>
              </a:tblGrid>
              <a:tr h="343072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000" b="1" kern="140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latin typeface="Franklin Gothic Medium Cond" panose="020B0606030402020204" pitchFamily="34" charset="0"/>
                        </a:rPr>
                        <a:t>Date/Time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26663" marB="26663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EDEDE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000" b="1" kern="140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latin typeface="Franklin Gothic Medium Cond" panose="020B0606030402020204" pitchFamily="34" charset="0"/>
                        </a:rPr>
                        <a:t>Event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26663" marB="26663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EDEDE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000" b="1" kern="140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latin typeface="Franklin Gothic Medium Cond" panose="020B0606030402020204" pitchFamily="34" charset="0"/>
                        </a:rPr>
                        <a:t>Other information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26663" marB="26663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EDED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57004639"/>
                  </a:ext>
                </a:extLst>
              </a:tr>
              <a:tr h="774863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2/27/2023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 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 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 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AWHONN Intermediate Course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In Person—Wozniak Learning Academy—Well Being Classroom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98793462"/>
                  </a:ext>
                </a:extLst>
              </a:tr>
              <a:tr h="348672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3/13/2023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 dirty="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AWHONN Advanced Course</a:t>
                      </a:r>
                      <a:endParaRPr lang="en-US" sz="1000" kern="140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Virtual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57523610"/>
                  </a:ext>
                </a:extLst>
              </a:tr>
              <a:tr h="320482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4/18/2023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FOFM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Virtual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82238902"/>
                  </a:ext>
                </a:extLst>
              </a:tr>
              <a:tr h="390512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4/24/2023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AWHONN Intermediate Course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In Person—Wozniak Learning Academy—Well Being Classroom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72033846"/>
                  </a:ext>
                </a:extLst>
              </a:tr>
              <a:tr h="344023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6/20/2023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AWHONN Advanced Course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Virtual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58960139"/>
                  </a:ext>
                </a:extLst>
              </a:tr>
              <a:tr h="325426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6/26/2023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AWHONN Intermediate Course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In Person—Wozniak Learning Academy—Well Being Classroom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67906045"/>
                  </a:ext>
                </a:extLst>
              </a:tr>
              <a:tr h="369592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8/28/2023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AWHONN Intermediate Course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In Person—Wozniak Learning Academy—Well Being Classroom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0355062"/>
                  </a:ext>
                </a:extLst>
              </a:tr>
              <a:tr h="337049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9/18/2023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AWHONN Advanced Course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Virtual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7952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64115540"/>
                  </a:ext>
                </a:extLst>
              </a:tr>
              <a:tr h="917542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9/25/2023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 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 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 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 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0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FOFM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Virtual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 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88358B"/>
                          </a:solidFill>
                          <a:effectLst/>
                          <a:latin typeface="Times New Roman" panose="02020603050405020304" pitchFamily="18" charset="0"/>
                        </a:rPr>
                        <a:t> 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0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81804580"/>
                  </a:ext>
                </a:extLst>
              </a:tr>
              <a:tr h="325416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10/16/2023</a:t>
                      </a:r>
                      <a:endParaRPr lang="en-US" sz="7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Times New Roman" panose="02020603050405020304" pitchFamily="18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7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Times New Roman" panose="02020603050405020304" pitchFamily="18" charset="0"/>
                      </a:endParaRPr>
                    </a:p>
                  </a:txBody>
                  <a:tcPr marL="26663" marR="26663" marT="7952" marB="0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AWHONN Intermediate Course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 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 dirty="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In Person—Wozniak Learning Academy—Well Being Classroom</a:t>
                      </a:r>
                      <a:endParaRPr lang="en-US" sz="1000" kern="140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0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07931978"/>
                  </a:ext>
                </a:extLst>
              </a:tr>
              <a:tr h="311701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12/4/2023</a:t>
                      </a:r>
                      <a:endParaRPr lang="en-US" sz="7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Times New Roman" panose="02020603050405020304" pitchFamily="18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7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Times New Roman" panose="02020603050405020304" pitchFamily="18" charset="0"/>
                      </a:endParaRPr>
                    </a:p>
                  </a:txBody>
                  <a:tcPr marL="26663" marR="26663" marT="7952" marB="0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AWHONN Intermediate Course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 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0099CC"/>
                          </a:solidFill>
                          <a:effectLst/>
                          <a:latin typeface="Times New Roman" panose="02020603050405020304" pitchFamily="18" charset="0"/>
                        </a:rPr>
                        <a:t>In Person—Wozniak Learning Academy—Well Being Classroom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0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17448506"/>
                  </a:ext>
                </a:extLst>
              </a:tr>
              <a:tr h="313794"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12/11/2023</a:t>
                      </a:r>
                      <a:endParaRPr lang="en-US" sz="7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Times New Roman" panose="02020603050405020304" pitchFamily="18" charset="0"/>
                      </a:endParaRPr>
                    </a:p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0800-1700</a:t>
                      </a:r>
                      <a:endParaRPr lang="en-US" sz="7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Times New Roman" panose="02020603050405020304" pitchFamily="18" charset="0"/>
                      </a:endParaRPr>
                    </a:p>
                  </a:txBody>
                  <a:tcPr marL="26663" marR="26663" marT="7952" marB="0">
                    <a:lnL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AWHONN Advanced Course</a:t>
                      </a:r>
                      <a:endParaRPr lang="en-US" sz="1000" kern="140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Franklin Gothic Medium Cond" panose="020B0606030402020204" pitchFamily="34" charset="0"/>
                      </a:endParaRPr>
                    </a:p>
                  </a:txBody>
                  <a:tcPr marL="26663" marR="26663" marT="7952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tc>
                  <a:txBody>
                    <a:bodyPr/>
                    <a:lstStyle/>
                    <a:p>
                      <a:pPr marR="0" indent="0" algn="l" rtl="0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900" kern="1400" dirty="0">
                          <a:ln>
                            <a:noFill/>
                          </a:ln>
                          <a:solidFill>
                            <a:srgbClr val="C00000"/>
                          </a:solidFill>
                          <a:effectLst/>
                          <a:latin typeface="Times New Roman" panose="02020603050405020304" pitchFamily="18" charset="0"/>
                        </a:rPr>
                        <a:t>Virtual</a:t>
                      </a:r>
                      <a:endParaRPr lang="en-US" sz="700" kern="140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latin typeface="Times New Roman" panose="02020603050405020304" pitchFamily="18" charset="0"/>
                      </a:endParaRPr>
                    </a:p>
                  </a:txBody>
                  <a:tcPr marL="26663" marR="26663" marT="7952" marB="0">
                    <a:lnL>
                      <a:noFill/>
                    </a:lnL>
                    <a:lnR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 w="1270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FF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96881257"/>
                  </a:ext>
                </a:extLst>
              </a:tr>
            </a:tbl>
          </a:graphicData>
        </a:graphic>
      </p:graphicFrame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39788" y="3016468"/>
            <a:ext cx="3932237" cy="2852519"/>
          </a:xfrm>
        </p:spPr>
        <p:txBody>
          <a:bodyPr/>
          <a:lstStyle/>
          <a:p>
            <a:r>
              <a:rPr lang="en-US" dirty="0" smtClean="0"/>
              <a:t>Register at:</a:t>
            </a:r>
          </a:p>
          <a:p>
            <a:r>
              <a:rPr lang="en-US" sz="2800" dirty="0" smtClean="0">
                <a:hlinkClick r:id="rId2"/>
              </a:rPr>
              <a:t>www.nciperinatal.com</a:t>
            </a:r>
            <a:endParaRPr lang="en-US" sz="2800" dirty="0" smtClean="0"/>
          </a:p>
          <a:p>
            <a:endParaRPr lang="en-US" sz="2800" dirty="0"/>
          </a:p>
          <a:p>
            <a:r>
              <a:rPr lang="en-US" dirty="0" smtClean="0"/>
              <a:t>Double Click on “Classes” for complete listing.</a:t>
            </a:r>
          </a:p>
          <a:p>
            <a:endParaRPr lang="en-US" dirty="0"/>
          </a:p>
        </p:txBody>
      </p:sp>
      <p:sp>
        <p:nvSpPr>
          <p:cNvPr id="6" name="Control 1"/>
          <p:cNvSpPr>
            <a:spLocks noChangeArrowheads="1" noChangeShapeType="1"/>
          </p:cNvSpPr>
          <p:nvPr/>
        </p:nvSpPr>
        <p:spPr bwMode="auto">
          <a:xfrm>
            <a:off x="949325" y="3495675"/>
            <a:ext cx="6011863" cy="5399088"/>
          </a:xfrm>
          <a:prstGeom prst="rect">
            <a:avLst/>
          </a:prstGeom>
          <a:noFill/>
          <a:ln>
            <a:noFill/>
          </a:ln>
          <a:effectLst/>
          <a:extLst>
            <a:ext uri="{91240B29-F687-4F45-9708-019B960494DF}">
              <a14:hiddenLine xmlns:a14="http://schemas.microsoft.com/office/drawing/2010/main" w="25400">
                <a:noFill/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000000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3549073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NCIPN Updates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Changes in our Network and Reminders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3816294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NCIPN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pPr marL="285750" indent="-285750">
              <a:buFont typeface="Wingdings" panose="05000000000000000000" pitchFamily="2" charset="2"/>
              <a:buChar char="§"/>
            </a:pPr>
            <a:r>
              <a:rPr lang="en-US" sz="1800" dirty="0" smtClean="0"/>
              <a:t>24 Counties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US" sz="1800" dirty="0" smtClean="0"/>
              <a:t>27 </a:t>
            </a:r>
            <a:r>
              <a:rPr lang="en-US" sz="1800" dirty="0" smtClean="0"/>
              <a:t>Hospitals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endParaRPr lang="en-US" sz="1800" dirty="0"/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US" sz="1800" dirty="0" smtClean="0"/>
              <a:t>As if January 1, 2023</a:t>
            </a:r>
          </a:p>
          <a:p>
            <a:pPr marL="742950" lvl="1" indent="-285750">
              <a:buFont typeface="Wingdings" panose="05000000000000000000" pitchFamily="2" charset="2"/>
              <a:buChar char="§"/>
            </a:pPr>
            <a:r>
              <a:rPr lang="en-US" sz="1800" dirty="0" smtClean="0"/>
              <a:t>1 Level I</a:t>
            </a:r>
          </a:p>
          <a:p>
            <a:pPr marL="742950" lvl="1" indent="-285750">
              <a:buFont typeface="Wingdings" panose="05000000000000000000" pitchFamily="2" charset="2"/>
              <a:buChar char="§"/>
            </a:pPr>
            <a:r>
              <a:rPr lang="en-US" sz="1800" dirty="0" smtClean="0"/>
              <a:t>8 Level II</a:t>
            </a:r>
          </a:p>
          <a:p>
            <a:pPr marL="742950" lvl="1" indent="-285750">
              <a:buFont typeface="Wingdings" panose="05000000000000000000" pitchFamily="2" charset="2"/>
              <a:buChar char="§"/>
            </a:pPr>
            <a:r>
              <a:rPr lang="en-US" sz="1800" dirty="0" smtClean="0"/>
              <a:t>3 Level II+</a:t>
            </a:r>
          </a:p>
          <a:p>
            <a:pPr marL="742950" lvl="1" indent="-285750">
              <a:buFont typeface="Wingdings" panose="05000000000000000000" pitchFamily="2" charset="2"/>
              <a:buChar char="§"/>
            </a:pPr>
            <a:r>
              <a:rPr lang="en-US" sz="1800" dirty="0" smtClean="0"/>
              <a:t>1 Level III</a:t>
            </a:r>
          </a:p>
          <a:p>
            <a:pPr marL="1200150" lvl="2" indent="-285750">
              <a:buFont typeface="Wingdings" panose="05000000000000000000" pitchFamily="2" charset="2"/>
              <a:buChar char="§"/>
            </a:pPr>
            <a:r>
              <a:rPr lang="en-US" sz="1800" dirty="0" smtClean="0"/>
              <a:t>13 Delivering Hospitals</a:t>
            </a:r>
          </a:p>
          <a:p>
            <a:pPr marL="1200150" lvl="2" indent="-285750">
              <a:buFont typeface="Wingdings" panose="05000000000000000000" pitchFamily="2" charset="2"/>
              <a:buChar char="§"/>
            </a:pPr>
            <a:r>
              <a:rPr lang="en-US" sz="1800" dirty="0" smtClean="0"/>
              <a:t>14 Non-Maternity Service </a:t>
            </a:r>
          </a:p>
          <a:p>
            <a:pPr marL="742950" lvl="1" indent="-285750">
              <a:buFont typeface="Wingdings" panose="05000000000000000000" pitchFamily="2" charset="2"/>
              <a:buChar char="§"/>
            </a:pPr>
            <a:endParaRPr lang="en-US" dirty="0" smtClean="0"/>
          </a:p>
          <a:p>
            <a:pPr marL="742950" lvl="1" indent="-285750">
              <a:buFont typeface="Wingdings" panose="05000000000000000000" pitchFamily="2" charset="2"/>
              <a:buChar char="§"/>
            </a:pPr>
            <a:endParaRPr lang="en-US" dirty="0"/>
          </a:p>
        </p:txBody>
      </p:sp>
      <p:pic>
        <p:nvPicPr>
          <p:cNvPr id="5" name="Content Placeholder 12"/>
          <p:cNvPicPr>
            <a:picLocks noGrp="1" noChangeAspect="1"/>
          </p:cNvPicPr>
          <p:nvPr>
            <p:ph idx="1"/>
          </p:nvPr>
        </p:nvPicPr>
        <p:blipFill>
          <a:blip r:embed="rId2">
            <a:duotone>
              <a:prstClr val="black"/>
              <a:schemeClr val="accent2">
                <a:tint val="45000"/>
                <a:satMod val="40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37434" y="457200"/>
            <a:ext cx="4708635" cy="6258909"/>
          </a:xfrm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9" name="Ink 8"/>
              <p14:cNvContentPartPr/>
              <p14:nvPr/>
            </p14:nvContentPartPr>
            <p14:xfrm>
              <a:off x="6533859" y="1291415"/>
              <a:ext cx="4717800" cy="2009880"/>
            </p14:xfrm>
          </p:contentPart>
        </mc:Choice>
        <mc:Fallback xmlns="">
          <p:pic>
            <p:nvPicPr>
              <p:cNvPr id="9" name="Ink 8"/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6521979" y="1279535"/>
                <a:ext cx="4741560" cy="203364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201715647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Facilities in NCIPN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838200" y="1436742"/>
            <a:ext cx="5181600" cy="4351338"/>
          </a:xfrm>
        </p:spPr>
        <p:txBody>
          <a:bodyPr>
            <a:normAutofit fontScale="25000" lnSpcReduction="20000"/>
          </a:bodyPr>
          <a:lstStyle/>
          <a:p>
            <a:pPr fontAlgn="base">
              <a:buFont typeface="Wingdings" panose="05000000000000000000" pitchFamily="2" charset="2"/>
              <a:buChar char="§"/>
            </a:pPr>
            <a:r>
              <a:rPr lang="en-US" sz="7200" b="1" dirty="0" smtClean="0"/>
              <a:t>Level I</a:t>
            </a:r>
          </a:p>
          <a:p>
            <a:pPr marL="457200" lvl="1" indent="0" fontAlgn="base">
              <a:buNone/>
            </a:pPr>
            <a:r>
              <a:rPr lang="en-US" sz="6800" b="1" dirty="0" smtClean="0">
                <a:latin typeface="+mn-lt"/>
              </a:rPr>
              <a:t>	OSF </a:t>
            </a:r>
            <a:r>
              <a:rPr lang="en-US" sz="6800" b="1" dirty="0">
                <a:latin typeface="+mn-lt"/>
              </a:rPr>
              <a:t>Saint James-John W. Albrecht Medical </a:t>
            </a:r>
            <a:r>
              <a:rPr lang="en-US" sz="6800" b="1" dirty="0" smtClean="0">
                <a:latin typeface="+mn-lt"/>
              </a:rPr>
              <a:t>		Center</a:t>
            </a:r>
            <a:r>
              <a:rPr lang="en-US" sz="6800" b="1" dirty="0">
                <a:latin typeface="+mn-lt"/>
              </a:rPr>
              <a:t>, Pontiac    </a:t>
            </a:r>
            <a:endParaRPr lang="en-US" sz="6800" b="1" dirty="0" smtClean="0">
              <a:latin typeface="+mn-lt"/>
            </a:endParaRPr>
          </a:p>
          <a:p>
            <a:pPr marL="457200" lvl="1" indent="0" fontAlgn="base">
              <a:buNone/>
            </a:pPr>
            <a:r>
              <a:rPr lang="en-US" sz="7200" b="1" dirty="0" smtClean="0">
                <a:latin typeface="+mn-lt"/>
              </a:rPr>
              <a:t>	Memorial Hospital, </a:t>
            </a:r>
            <a:r>
              <a:rPr lang="en-US" sz="7200" b="1" dirty="0" smtClean="0">
                <a:latin typeface="+mn-lt"/>
              </a:rPr>
              <a:t>Carthage</a:t>
            </a:r>
            <a:r>
              <a:rPr lang="en-US" sz="7200" b="1" dirty="0" smtClean="0">
                <a:solidFill>
                  <a:schemeClr val="bg1">
                    <a:lumMod val="65000"/>
                  </a:schemeClr>
                </a:solidFill>
                <a:latin typeface="+mn-lt"/>
              </a:rPr>
              <a:t>(NMS 12.1.22)</a:t>
            </a:r>
            <a:endParaRPr lang="en-US" sz="7200" b="1" dirty="0" smtClean="0">
              <a:solidFill>
                <a:schemeClr val="bg1">
                  <a:lumMod val="65000"/>
                </a:schemeClr>
              </a:solidFill>
              <a:latin typeface="+mn-lt"/>
            </a:endParaRPr>
          </a:p>
          <a:p>
            <a:pPr fontAlgn="base">
              <a:buFont typeface="Wingdings" panose="05000000000000000000" pitchFamily="2" charset="2"/>
              <a:buChar char="§"/>
            </a:pPr>
            <a:r>
              <a:rPr lang="en-US" sz="7200" b="1" dirty="0" smtClean="0"/>
              <a:t>Level II</a:t>
            </a:r>
            <a:r>
              <a:rPr lang="en-US" sz="7200" b="1" dirty="0"/>
              <a:t/>
            </a:r>
            <a:br>
              <a:rPr lang="en-US" sz="7200" b="1" dirty="0"/>
            </a:br>
            <a:r>
              <a:rPr lang="en-US" sz="7200" b="1" dirty="0" smtClean="0"/>
              <a:t>	Carle </a:t>
            </a:r>
            <a:r>
              <a:rPr lang="en-US" sz="7200" b="1" dirty="0" err="1"/>
              <a:t>BroMenn</a:t>
            </a:r>
            <a:r>
              <a:rPr lang="en-US" sz="7200" b="1" dirty="0"/>
              <a:t> Medical Center, Normal    </a:t>
            </a:r>
            <a:br>
              <a:rPr lang="en-US" sz="7200" b="1" dirty="0"/>
            </a:br>
            <a:r>
              <a:rPr lang="en-US" sz="7200" b="1" dirty="0" smtClean="0"/>
              <a:t>	Genesis </a:t>
            </a:r>
            <a:r>
              <a:rPr lang="en-US" sz="7200" b="1" dirty="0"/>
              <a:t>Medical Center, Illini Campus, </a:t>
            </a:r>
            <a:r>
              <a:rPr lang="en-US" sz="7200" b="1" dirty="0" smtClean="0"/>
              <a:t>			Silvis</a:t>
            </a:r>
            <a:r>
              <a:rPr lang="en-US" sz="7200" b="1" dirty="0"/>
              <a:t>    </a:t>
            </a:r>
            <a:br>
              <a:rPr lang="en-US" sz="7200" b="1" dirty="0"/>
            </a:br>
            <a:r>
              <a:rPr lang="en-US" sz="7200" b="1" dirty="0" smtClean="0"/>
              <a:t>	Graham </a:t>
            </a:r>
            <a:r>
              <a:rPr lang="en-US" sz="7200" b="1" dirty="0"/>
              <a:t>Health System, Canton   </a:t>
            </a:r>
            <a:br>
              <a:rPr lang="en-US" sz="7200" b="1" dirty="0"/>
            </a:br>
            <a:r>
              <a:rPr lang="en-US" sz="7200" b="1" dirty="0" smtClean="0"/>
              <a:t>	McDonough </a:t>
            </a:r>
            <a:r>
              <a:rPr lang="en-US" sz="7200" b="1" dirty="0"/>
              <a:t>District Hospital, Macomb    </a:t>
            </a:r>
            <a:br>
              <a:rPr lang="en-US" sz="7200" b="1" dirty="0"/>
            </a:br>
            <a:r>
              <a:rPr lang="en-US" sz="7200" b="1" dirty="0" smtClean="0"/>
              <a:t>	OSF </a:t>
            </a:r>
            <a:r>
              <a:rPr lang="en-US" sz="7200" b="1" dirty="0"/>
              <a:t>Saint Elizabeth Medical Center, </a:t>
            </a:r>
            <a:r>
              <a:rPr lang="en-US" sz="7200" b="1" dirty="0" smtClean="0"/>
              <a:t>			Ottawa</a:t>
            </a:r>
            <a:r>
              <a:rPr lang="en-US" sz="7200" b="1" dirty="0"/>
              <a:t>    </a:t>
            </a:r>
            <a:br>
              <a:rPr lang="en-US" sz="7200" b="1" dirty="0"/>
            </a:br>
            <a:r>
              <a:rPr lang="en-US" sz="7200" b="1" dirty="0" smtClean="0"/>
              <a:t>	OSF </a:t>
            </a:r>
            <a:r>
              <a:rPr lang="en-US" sz="7200" b="1" dirty="0"/>
              <a:t>St. Joseph Medical Center, </a:t>
            </a:r>
            <a:r>
              <a:rPr lang="en-US" sz="7200" b="1" dirty="0" smtClean="0"/>
              <a:t>			Bloomington</a:t>
            </a:r>
            <a:r>
              <a:rPr lang="en-US" sz="7200" b="1" dirty="0"/>
              <a:t>    </a:t>
            </a:r>
            <a:br>
              <a:rPr lang="en-US" sz="7200" b="1" dirty="0"/>
            </a:br>
            <a:r>
              <a:rPr lang="en-US" sz="7200" b="1" dirty="0" smtClean="0"/>
              <a:t>	OSF </a:t>
            </a:r>
            <a:r>
              <a:rPr lang="en-US" sz="7200" b="1" dirty="0"/>
              <a:t>St. Mary Medical Center, Galesburg  </a:t>
            </a:r>
            <a:br>
              <a:rPr lang="en-US" sz="7200" b="1" dirty="0"/>
            </a:br>
            <a:r>
              <a:rPr lang="en-US" sz="7200" b="1" dirty="0" smtClean="0"/>
              <a:t>	St</a:t>
            </a:r>
            <a:r>
              <a:rPr lang="en-US" sz="7200" b="1" dirty="0"/>
              <a:t>. Margaret's Health, Peru     </a:t>
            </a:r>
            <a:endParaRPr lang="en-US" sz="7200" b="1" dirty="0" smtClean="0"/>
          </a:p>
          <a:p>
            <a:pPr fontAlgn="base">
              <a:buFont typeface="Wingdings" panose="05000000000000000000" pitchFamily="2" charset="2"/>
              <a:buChar char="§"/>
            </a:pPr>
            <a:r>
              <a:rPr lang="en-US" sz="7200" b="1" dirty="0" smtClean="0"/>
              <a:t>Level II+</a:t>
            </a:r>
            <a:r>
              <a:rPr lang="en-US" sz="7200" b="1" dirty="0"/>
              <a:t/>
            </a:r>
            <a:br>
              <a:rPr lang="en-US" sz="7200" b="1" dirty="0"/>
            </a:br>
            <a:r>
              <a:rPr lang="en-US" sz="7200" b="1" dirty="0" smtClean="0"/>
              <a:t>	OSF </a:t>
            </a:r>
            <a:r>
              <a:rPr lang="en-US" sz="7200" b="1" dirty="0"/>
              <a:t>Heart of Mary Medical Center, </a:t>
            </a:r>
            <a:r>
              <a:rPr lang="en-US" sz="7200" b="1" dirty="0" smtClean="0"/>
              <a:t>			Urbana</a:t>
            </a:r>
            <a:r>
              <a:rPr lang="en-US" sz="7200" b="1" dirty="0"/>
              <a:t>    </a:t>
            </a:r>
            <a:br>
              <a:rPr lang="en-US" sz="7200" b="1" dirty="0"/>
            </a:br>
            <a:r>
              <a:rPr lang="en-US" sz="7200" b="1" dirty="0" smtClean="0"/>
              <a:t>	UPH- </a:t>
            </a:r>
            <a:r>
              <a:rPr lang="en-US" sz="7200" b="1" dirty="0"/>
              <a:t>Methodist, Peoria    </a:t>
            </a:r>
            <a:br>
              <a:rPr lang="en-US" sz="7200" b="1" dirty="0"/>
            </a:br>
            <a:r>
              <a:rPr lang="en-US" sz="7200" b="1" dirty="0" smtClean="0"/>
              <a:t>	UPH-Trinity</a:t>
            </a:r>
            <a:r>
              <a:rPr lang="en-US" sz="7200" b="1" dirty="0"/>
              <a:t>, Moline    </a:t>
            </a:r>
            <a:endParaRPr lang="en-US" sz="7200" b="1" dirty="0" smtClean="0"/>
          </a:p>
          <a:p>
            <a:pPr fontAlgn="base">
              <a:buFont typeface="Wingdings" panose="05000000000000000000" pitchFamily="2" charset="2"/>
              <a:buChar char="§"/>
            </a:pPr>
            <a:r>
              <a:rPr lang="en-US" sz="7200" b="1" dirty="0" smtClean="0"/>
              <a:t>Level III</a:t>
            </a:r>
            <a:r>
              <a:rPr lang="en-US" sz="7200" b="1" dirty="0"/>
              <a:t/>
            </a:r>
            <a:br>
              <a:rPr lang="en-US" sz="7200" b="1" dirty="0"/>
            </a:br>
            <a:r>
              <a:rPr lang="en-US" sz="7200" b="1" dirty="0" smtClean="0"/>
              <a:t>	OSF </a:t>
            </a:r>
            <a:r>
              <a:rPr lang="en-US" sz="7200" b="1" dirty="0"/>
              <a:t>Saint Francis Medical Center, Peoria    </a:t>
            </a:r>
            <a:br>
              <a:rPr lang="en-US" sz="7200" b="1" dirty="0"/>
            </a:br>
            <a:r>
              <a:rPr lang="en-US" sz="7200" b="1" dirty="0" smtClean="0"/>
              <a:t>​</a:t>
            </a:r>
            <a:endParaRPr lang="en-US" sz="7200" dirty="0"/>
          </a:p>
          <a:p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72200" y="1436742"/>
            <a:ext cx="5181600" cy="4351338"/>
          </a:xfrm>
        </p:spPr>
        <p:txBody>
          <a:bodyPr>
            <a:normAutofit fontScale="25000" lnSpcReduction="20000"/>
          </a:bodyPr>
          <a:lstStyle/>
          <a:p>
            <a:pPr fontAlgn="base">
              <a:buFont typeface="Wingdings" panose="05000000000000000000" pitchFamily="2" charset="2"/>
              <a:buChar char="§"/>
            </a:pPr>
            <a:r>
              <a:rPr lang="en-US" sz="7200" b="1" dirty="0" smtClean="0"/>
              <a:t>Non-Maternity Service Hospitals</a:t>
            </a:r>
          </a:p>
          <a:p>
            <a:pPr marL="0" indent="0" fontAlgn="base">
              <a:buNone/>
            </a:pPr>
            <a:r>
              <a:rPr lang="en-US" sz="7200" b="1" dirty="0" smtClean="0"/>
              <a:t>	Carle </a:t>
            </a:r>
            <a:r>
              <a:rPr lang="en-US" sz="7200" b="1" dirty="0"/>
              <a:t>Eureka Hospital, </a:t>
            </a:r>
            <a:r>
              <a:rPr lang="en-US" sz="7200" b="1" dirty="0" smtClean="0"/>
              <a:t>Eureka </a:t>
            </a:r>
            <a:r>
              <a:rPr lang="en-US" sz="7200" b="1" dirty="0"/>
              <a:t>  </a:t>
            </a:r>
          </a:p>
          <a:p>
            <a:pPr marL="0" indent="0" fontAlgn="base">
              <a:buNone/>
            </a:pPr>
            <a:r>
              <a:rPr lang="en-US" sz="7200" b="1" dirty="0" smtClean="0"/>
              <a:t>	Genesis </a:t>
            </a:r>
            <a:r>
              <a:rPr lang="en-US" sz="7200" b="1" dirty="0"/>
              <a:t>Medical Center, Aledo   </a:t>
            </a:r>
            <a:br>
              <a:rPr lang="en-US" sz="7200" b="1" dirty="0"/>
            </a:br>
            <a:r>
              <a:rPr lang="en-US" sz="7200" b="1" dirty="0" smtClean="0"/>
              <a:t>	Hammond </a:t>
            </a:r>
            <a:r>
              <a:rPr lang="en-US" sz="7200" b="1" dirty="0"/>
              <a:t>Henry Hospital, Geneseo     </a:t>
            </a:r>
            <a:br>
              <a:rPr lang="en-US" sz="7200" b="1" dirty="0"/>
            </a:br>
            <a:r>
              <a:rPr lang="en-US" sz="7200" b="1" dirty="0" smtClean="0"/>
              <a:t>	Hopedale </a:t>
            </a:r>
            <a:r>
              <a:rPr lang="en-US" sz="7200" b="1" dirty="0"/>
              <a:t>Medical Complex, Hopedale    </a:t>
            </a:r>
            <a:br>
              <a:rPr lang="en-US" sz="7200" b="1" dirty="0"/>
            </a:br>
            <a:r>
              <a:rPr lang="en-US" sz="7200" b="1" dirty="0" smtClean="0"/>
              <a:t>	Iroquois </a:t>
            </a:r>
            <a:r>
              <a:rPr lang="en-US" sz="7200" b="1" dirty="0"/>
              <a:t>Memorial Hospital, Watseka    </a:t>
            </a:r>
            <a:br>
              <a:rPr lang="en-US" sz="7200" b="1" dirty="0"/>
            </a:br>
            <a:r>
              <a:rPr lang="en-US" sz="7200" b="1" dirty="0" smtClean="0"/>
              <a:t>	OSF </a:t>
            </a:r>
            <a:r>
              <a:rPr lang="en-US" sz="7200" b="1" dirty="0"/>
              <a:t>Center for Health Streator, Streator    </a:t>
            </a:r>
            <a:br>
              <a:rPr lang="en-US" sz="7200" b="1" dirty="0"/>
            </a:br>
            <a:r>
              <a:rPr lang="en-US" sz="7200" b="1" dirty="0" smtClean="0"/>
              <a:t>	OSF </a:t>
            </a:r>
            <a:r>
              <a:rPr lang="en-US" sz="7200" b="1" dirty="0"/>
              <a:t>Saint Clare Medical Center, </a:t>
            </a:r>
            <a:r>
              <a:rPr lang="en-US" sz="7200" b="1" dirty="0" smtClean="0"/>
              <a:t>			Princeton </a:t>
            </a:r>
            <a:r>
              <a:rPr lang="en-US" sz="7200" b="1" dirty="0"/>
              <a:t>    </a:t>
            </a:r>
            <a:br>
              <a:rPr lang="en-US" sz="7200" b="1" dirty="0"/>
            </a:br>
            <a:r>
              <a:rPr lang="en-US" sz="7200" b="1" dirty="0" smtClean="0"/>
              <a:t>	OSF </a:t>
            </a:r>
            <a:r>
              <a:rPr lang="en-US" sz="7200" b="1" dirty="0"/>
              <a:t>Holy Family Medical Center, </a:t>
            </a:r>
            <a:r>
              <a:rPr lang="en-US" sz="7200" b="1" dirty="0" smtClean="0"/>
              <a:t>			Monmouth</a:t>
            </a:r>
            <a:r>
              <a:rPr lang="en-US" sz="7200" b="1" dirty="0"/>
              <a:t>    </a:t>
            </a:r>
            <a:br>
              <a:rPr lang="en-US" sz="7200" b="1" dirty="0"/>
            </a:br>
            <a:r>
              <a:rPr lang="en-US" sz="7200" b="1" dirty="0" smtClean="0"/>
              <a:t>	OSF </a:t>
            </a:r>
            <a:r>
              <a:rPr lang="en-US" sz="7200" b="1" dirty="0"/>
              <a:t>Saint Luke Medical Center, Kewanee    </a:t>
            </a:r>
            <a:br>
              <a:rPr lang="en-US" sz="7200" b="1" dirty="0"/>
            </a:br>
            <a:r>
              <a:rPr lang="en-US" sz="7200" b="1" dirty="0" smtClean="0"/>
              <a:t>	OSF </a:t>
            </a:r>
            <a:r>
              <a:rPr lang="en-US" sz="7200" b="1" dirty="0"/>
              <a:t>Saint Paul Medical Center, Mendota    </a:t>
            </a:r>
            <a:endParaRPr lang="en-US" sz="7200" dirty="0"/>
          </a:p>
          <a:p>
            <a:pPr marL="0" indent="0" fontAlgn="base">
              <a:buNone/>
            </a:pPr>
            <a:r>
              <a:rPr lang="en-US" sz="7200" b="1" dirty="0" smtClean="0"/>
              <a:t>	St</a:t>
            </a:r>
            <a:r>
              <a:rPr lang="en-US" sz="7200" b="1" dirty="0"/>
              <a:t>. Margaret's Health, Spring </a:t>
            </a:r>
            <a:r>
              <a:rPr lang="en-US" sz="7200" b="1" dirty="0" smtClean="0"/>
              <a:t>Valley</a:t>
            </a:r>
            <a:r>
              <a:rPr lang="en-US" sz="7200" b="1" dirty="0"/>
              <a:t/>
            </a:r>
            <a:br>
              <a:rPr lang="en-US" sz="7200" b="1" dirty="0"/>
            </a:br>
            <a:r>
              <a:rPr lang="en-US" sz="7200" b="1" dirty="0" smtClean="0"/>
              <a:t>	UPH </a:t>
            </a:r>
            <a:r>
              <a:rPr lang="en-US" sz="7200" b="1" dirty="0"/>
              <a:t>Health Pekin, Pekin     </a:t>
            </a:r>
            <a:br>
              <a:rPr lang="en-US" sz="7200" b="1" dirty="0"/>
            </a:br>
            <a:r>
              <a:rPr lang="en-US" sz="7200" b="1" dirty="0" smtClean="0"/>
              <a:t>	UPH </a:t>
            </a:r>
            <a:r>
              <a:rPr lang="en-US" sz="7200" b="1" dirty="0"/>
              <a:t>Proctor, Peoria    </a:t>
            </a:r>
            <a:endParaRPr lang="en-US" sz="7200" b="1" dirty="0" smtClean="0"/>
          </a:p>
          <a:p>
            <a:pPr fontAlgn="base">
              <a:buFont typeface="Wingdings" panose="05000000000000000000" pitchFamily="2" charset="2"/>
              <a:buChar char="§"/>
            </a:pPr>
            <a:r>
              <a:rPr lang="en-US" sz="7200" b="1" dirty="0" smtClean="0"/>
              <a:t>Cottage Hospital, Galesburg Closed 2022</a:t>
            </a:r>
            <a:endParaRPr lang="en-US" sz="7200" dirty="0"/>
          </a:p>
          <a:p>
            <a:pPr marL="0" indent="0" fontAlgn="base">
              <a:buNone/>
            </a:pPr>
            <a:endParaRPr lang="en-US" sz="1800" dirty="0"/>
          </a:p>
          <a:p>
            <a:pPr>
              <a:buFont typeface="Wingdings" panose="05000000000000000000" pitchFamily="2" charset="2"/>
              <a:buChar char="§"/>
            </a:pPr>
            <a:endParaRPr lang="en-US" sz="1800" dirty="0"/>
          </a:p>
        </p:txBody>
      </p:sp>
      <p:sp>
        <p:nvSpPr>
          <p:cNvPr id="5" name="AutoShape 2" descr="https://usc-powerpoint.officeapps.live.com/pods/GetClipboardImage.ashx?Id=e24fc032-05bd-42e9-a6ea-4b327c316de2&amp;DC=PUS1&amp;pkey=2b32d012-8fb9-4519-b6de-9e243b29b689&amp;wdwaccluster=PUS1"/>
          <p:cNvSpPr>
            <a:spLocks noChangeAspect="1" noChangeArrowheads="1"/>
          </p:cNvSpPr>
          <p:nvPr/>
        </p:nvSpPr>
        <p:spPr bwMode="auto">
          <a:xfrm>
            <a:off x="212725" y="-144463"/>
            <a:ext cx="304800" cy="3048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80492185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Calibri">
      <a:maj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7C463DD4-1D9F-41B3-8178-4E29F76A004E}">
  <ds:schemaRefs/>
</ds:datastoreItem>
</file>

<file path=customXml/itemProps2.xml><?xml version="1.0" encoding="utf-8"?>
<ds:datastoreItem xmlns:ds="http://schemas.openxmlformats.org/officeDocument/2006/customXml" ds:itemID="{C9A8F1BE-9FCA-4473-9805-FA46B518D3E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624</TotalTime>
  <Words>621</Words>
  <Application>Microsoft Office PowerPoint</Application>
  <PresentationFormat>Widescreen</PresentationFormat>
  <Paragraphs>219</Paragraphs>
  <Slides>2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5</vt:i4>
      </vt:variant>
    </vt:vector>
  </HeadingPairs>
  <TitlesOfParts>
    <vt:vector size="33" baseType="lpstr">
      <vt:lpstr>Arial</vt:lpstr>
      <vt:lpstr>Calibri</vt:lpstr>
      <vt:lpstr>Calibri Light</vt:lpstr>
      <vt:lpstr>Cambria</vt:lpstr>
      <vt:lpstr>Franklin Gothic Medium Cond</vt:lpstr>
      <vt:lpstr>Times New Roman</vt:lpstr>
      <vt:lpstr>Wingdings</vt:lpstr>
      <vt:lpstr>Office Theme</vt:lpstr>
      <vt:lpstr>NCIPN Regional Quality Council</vt:lpstr>
      <vt:lpstr>Agenda</vt:lpstr>
      <vt:lpstr>Introductions</vt:lpstr>
      <vt:lpstr>Maternal Outreach Educator</vt:lpstr>
      <vt:lpstr>Education Updates</vt:lpstr>
      <vt:lpstr>Fetal Monitoring Offerings</vt:lpstr>
      <vt:lpstr>NCIPN Updates</vt:lpstr>
      <vt:lpstr>NCIPN</vt:lpstr>
      <vt:lpstr>Facilities in NCIPN</vt:lpstr>
      <vt:lpstr>Fetal/Neonatal/SMM Reviews</vt:lpstr>
      <vt:lpstr>Purpose</vt:lpstr>
      <vt:lpstr>FETAL DEATH REVIEWS​</vt:lpstr>
      <vt:lpstr>Neonatal Death Reviews</vt:lpstr>
      <vt:lpstr>SMM Review</vt:lpstr>
      <vt:lpstr>Maternal Levels of Care</vt:lpstr>
      <vt:lpstr>Maternal Levels of Care Process</vt:lpstr>
      <vt:lpstr>In-Depth Look</vt:lpstr>
      <vt:lpstr>Updates to Hospital Licensing 250</vt:lpstr>
      <vt:lpstr>Illinois Perinatal Quality Collaborative</vt:lpstr>
      <vt:lpstr>IL PQC (IL Perinatal Quality Collaborative)</vt:lpstr>
      <vt:lpstr>IL PQC Website</vt:lpstr>
      <vt:lpstr>Moms and Babies</vt:lpstr>
      <vt:lpstr>IL PQC 2023 Dates</vt:lpstr>
      <vt:lpstr>Work Groups – Take a Break!</vt:lpstr>
      <vt:lpstr>Maternity Deserts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Microsoft Office User</dc:creator>
  <cp:keywords/>
  <dc:description/>
  <cp:lastModifiedBy>Swain, Susie</cp:lastModifiedBy>
  <cp:revision>21</cp:revision>
  <dcterms:created xsi:type="dcterms:W3CDTF">2022-08-29T22:36:29Z</dcterms:created>
  <dcterms:modified xsi:type="dcterms:W3CDTF">2022-11-03T12:20:2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3-10T20:26:48</vt:lpwstr>
  </property>
  <property fmtid="{D5CDD505-2E9C-101B-9397-08002B2CF9AE}" pid="3" name="TemplafyTenantId">
    <vt:lpwstr>osfhealthcare</vt:lpwstr>
  </property>
  <property fmtid="{D5CDD505-2E9C-101B-9397-08002B2CF9AE}" pid="4" name="TemplafyTemplateId">
    <vt:lpwstr>637825408082270169</vt:lpwstr>
  </property>
  <property fmtid="{D5CDD505-2E9C-101B-9397-08002B2CF9AE}" pid="5" name="TemplafyUserProfileId">
    <vt:lpwstr>637928800051512788</vt:lpwstr>
  </property>
  <property fmtid="{D5CDD505-2E9C-101B-9397-08002B2CF9AE}" pid="6" name="TemplafyFromBlank">
    <vt:bool>true</vt:bool>
  </property>
</Properties>
</file>